
<file path=[Content_Types].xml><?xml version="1.0" encoding="utf-8"?>
<Types xmlns="http://schemas.openxmlformats.org/package/2006/content-types">
  <Override PartName="/xl/theme/theme1.xml" ContentType="application/vnd.openxmlformats-officedocument.theme+xml"/>
  <Override PartName="/xl/styles.xml" ContentType="application/vnd.openxmlformats-officedocument.spreadsheetml.styles+xml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docProps/app.xml" ContentType="application/vnd.openxmlformats-officedocument.extended-properties+xml"/>
  <Override PartName="/xl/worksheets/sheet2.xml" ContentType="application/vnd.openxmlformats-officedocument.spreadsheetml.worksheet+xml"/>
  <Override PartName="/xl/connections.xml" ContentType="application/vnd.openxmlformats-officedocument.spreadsheetml.connections+xml"/>
  <Override PartName="/xl/worksheets/sheet1.xml" ContentType="application/vnd.openxmlformats-officedocument.spreadsheetml.worksheet+xml"/>
  <Override PartName="/xl/sharedStrings.xml" ContentType="application/vnd.openxmlformats-officedocument.spreadsheetml.sharedStr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4" lowestEdited="4" rupBuild="4507"/>
  <workbookPr autoCompressPictures="0" defaultThemeVersion="124226"/>
  <bookViews>
    <workbookView xWindow="120" yWindow="105" windowWidth="18915" windowHeight="8505"/>
  </bookViews>
  <sheets>
    <sheet name="Einzel-Erkrankungen" sheetId="8" r:id="rId1"/>
    <sheet name="Klassifikation" sheetId="9" r:id="rId2"/>
  </sheets>
  <calcPr calcId="125725" concurrentCalc="0"/>
  <extLst>
    <ext xmlns:mx="http://schemas.microsoft.com/office/mac/excel/2008/main" uri="{7523E5D3-25F3-A5E0-1632-64F254C22452}">
      <mx:ArchID Flags="2"/>
    </ext>
  </extLst>
</workbook>
</file>

<file path=xl/connections.xml><?xml version="1.0" encoding="utf-8"?>
<connections xmlns="http://schemas.openxmlformats.org/spreadsheetml/2006/main">
  <connection id="1" name="rare_systemic_rheumatological_diseases_en_product3_196" type="4" refreshedVersion="0" background="1">
    <webPr xml="1" sourceData="1" url="C:\Users\till.voigtlaender\Desktop\back-up 251012\t_voigtlaender\ccrd-gög\Nationaler Aktionsplan\disease_groups\classifications_rare_diseases_orphanet\s2\rare_systemic_rheumatological_diseases_en_product3_196.xml" htmlTables="1" htmlFormat="all"/>
  </connection>
</connections>
</file>

<file path=xl/sharedStrings.xml><?xml version="1.0" encoding="utf-8"?>
<sst xmlns="http://schemas.openxmlformats.org/spreadsheetml/2006/main" count="249" uniqueCount="230">
  <si>
    <t>Rare systemic or rheumatologic disease</t>
  </si>
  <si>
    <t>Fachgesellschaft (FG) für:</t>
  </si>
  <si>
    <t>Name:</t>
  </si>
  <si>
    <t xml:space="preserve">Institution: </t>
  </si>
  <si>
    <t>Nr.</t>
  </si>
  <si>
    <t>ORPHA Code</t>
  </si>
  <si>
    <r>
      <t xml:space="preserve">SE betrifft das oben genannte Fach </t>
    </r>
    <r>
      <rPr>
        <b/>
        <sz val="10"/>
        <color theme="0"/>
        <rFont val="Calibri"/>
        <family val="2"/>
        <scheme val="minor"/>
      </rPr>
      <t xml:space="preserve">                      (bitte ankreuzen)</t>
    </r>
  </si>
  <si>
    <t>Weitere Anmerkungen</t>
  </si>
  <si>
    <t>• Non-histaminic angioedema</t>
  </si>
  <si>
    <t>• Hereditary angioedema</t>
  </si>
  <si>
    <t>• Hereditary angioedema type 1</t>
  </si>
  <si>
    <t>• Hereditary angioedema type 2</t>
  </si>
  <si>
    <t>• Hereditary angioedema type 3</t>
  </si>
  <si>
    <t>• Acquired angioedema</t>
  </si>
  <si>
    <t>• Acquired angioedema type 2</t>
  </si>
  <si>
    <t>• Acquired angioedema type 1</t>
  </si>
  <si>
    <t>• Renin-angiotensin-aldosterone system-blocker-induced angioedema</t>
  </si>
  <si>
    <t>• Vasculitis</t>
  </si>
  <si>
    <t>• Post-infectious vasculitis</t>
  </si>
  <si>
    <t>• Predominantly large-vessel vasculitis</t>
  </si>
  <si>
    <t>• Behcet disease</t>
  </si>
  <si>
    <t>• Takayasu arteritis</t>
  </si>
  <si>
    <t>• Giant cell arteritis</t>
  </si>
  <si>
    <t>• Rhizomelic pseudopolyarthritis</t>
  </si>
  <si>
    <t>• Cogan syndrome</t>
  </si>
  <si>
    <t>• Hughes-Stovin syndrome</t>
  </si>
  <si>
    <t>• Predominantly medium-vessel vasculitis</t>
  </si>
  <si>
    <t>• Kawasaki disease</t>
  </si>
  <si>
    <t>• Sneddon syndrome</t>
  </si>
  <si>
    <t>• Polyarteritis nodosa</t>
  </si>
  <si>
    <t>• Pediatric polyarteritis nodosa</t>
  </si>
  <si>
    <t>• Buerger's disease</t>
  </si>
  <si>
    <t>• Primary angiitis of the central nervous system</t>
  </si>
  <si>
    <t>• Predominantly small-vessel vasculitis</t>
  </si>
  <si>
    <t>• Immune complex mediated vasculitis</t>
  </si>
  <si>
    <t>• Henoch-Schönlein purpura</t>
  </si>
  <si>
    <t>• Reynolds syndrome</t>
  </si>
  <si>
    <t>• Cutaneous leukocytoclastic angiitis</t>
  </si>
  <si>
    <t>• Susac syndrome</t>
  </si>
  <si>
    <t>• Hypocomplementemic leucocytoclasic vasculitis</t>
  </si>
  <si>
    <t>• Erythema elevatum diutinum</t>
  </si>
  <si>
    <t>• Mixed cryoglobulinemia</t>
  </si>
  <si>
    <t>• Type II mixed cryoglobulinemia</t>
  </si>
  <si>
    <t>• Type III mixed cryoglobulinemia</t>
  </si>
  <si>
    <t>• Anti-neutrophil cytoplasmic antibody-associated vasculitis</t>
  </si>
  <si>
    <t>• Churg-Strauss syndrome</t>
  </si>
  <si>
    <t>• Microscopic polyangiitis</t>
  </si>
  <si>
    <t>• Wegener granulomatosis</t>
  </si>
  <si>
    <t>• Drug-induced vasculitis</t>
  </si>
  <si>
    <t>• Unclassified vasculitis</t>
  </si>
  <si>
    <t>• Rare systemic disease</t>
  </si>
  <si>
    <t>• Rheumatic fever</t>
  </si>
  <si>
    <t>• Rendu-Osler-Weber disease</t>
  </si>
  <si>
    <t>• Amyloidosis</t>
  </si>
  <si>
    <t>• Primary amyloidosis</t>
  </si>
  <si>
    <t>• Primary systemic amyloidosis</t>
  </si>
  <si>
    <t>• Primary localized amyloidosis</t>
  </si>
  <si>
    <t>• Secondary amyloidosis</t>
  </si>
  <si>
    <t>• Dialysis-related amyloidosis</t>
  </si>
  <si>
    <t>• Familial amyloidosis, Finnish type</t>
  </si>
  <si>
    <t>• Familial renal amyloidosis</t>
  </si>
  <si>
    <t>• Transthyretin-related amyloidosis</t>
  </si>
  <si>
    <t>• Familial amyloid polyneuropathy</t>
  </si>
  <si>
    <t>• Transthyretin-related familial amyloid cardiomyopathy</t>
  </si>
  <si>
    <t>• Autosomal dominant beta2-microglobulinic amyloidosis</t>
  </si>
  <si>
    <t>• Sarcoidosis</t>
  </si>
  <si>
    <t>• Eosinophilic fasciitis</t>
  </si>
  <si>
    <t>• Rambaud-Galian syndrome</t>
  </si>
  <si>
    <t>• Myalgia-eosinophilia syndrome associated with tryptophan</t>
  </si>
  <si>
    <t>• Reye's syndrome</t>
  </si>
  <si>
    <t>• Pyomyositis</t>
  </si>
  <si>
    <t>• Kimura disease</t>
  </si>
  <si>
    <t>• Systemic capillary leak syndrome</t>
  </si>
  <si>
    <t>• Hypoplasminogenemia</t>
  </si>
  <si>
    <t>• Kikuchi-Fujimoto disease</t>
  </si>
  <si>
    <t>• X-linked reticulate pigmentary disorder with systemic manifestations</t>
  </si>
  <si>
    <t>• Ehlers-Danlos syndrome</t>
  </si>
  <si>
    <t>• Ehlers-Danlos syndrome, classic type</t>
  </si>
  <si>
    <t>• Ehlers-Danlos syndrome type 1</t>
  </si>
  <si>
    <t>• Ehlers-Danlos syndrome type 2</t>
  </si>
  <si>
    <t>• Ehlers-Danlos syndrome type 11</t>
  </si>
  <si>
    <t>• Ehlers-Danlos syndrome, musculocontractural type</t>
  </si>
  <si>
    <t>• Ehlers-Danlos syndrome, hypermobility type</t>
  </si>
  <si>
    <t>• Ehlers-Danlos syndrome, vascular type</t>
  </si>
  <si>
    <t>• Ehlers-Danlos syndrome, kyphoscoliotic type</t>
  </si>
  <si>
    <t>• Ehlers-Danlos syndrome, arthrochalasic type</t>
  </si>
  <si>
    <t>• Ehlers-Danlos syndrome type 7A</t>
  </si>
  <si>
    <t>• Ehlers-Danlos syndrome type 7B</t>
  </si>
  <si>
    <t>• Ehlers-Danlos syndrome, dermatosparaxis type</t>
  </si>
  <si>
    <t>• Ehlers-Danlos syndrome, periodontitis type</t>
  </si>
  <si>
    <t>• Ehlers-Danlos syndrome, progeroid type</t>
  </si>
  <si>
    <t>• Ehlers-Danlos syndrome type 5</t>
  </si>
  <si>
    <t>• Ehlers-Danlos syndrome, fibronectinemic type</t>
  </si>
  <si>
    <t>• Ehlers-Danlos syndrome with periventricular heterotopia</t>
  </si>
  <si>
    <t>• Brittle cornea syndrome</t>
  </si>
  <si>
    <t>• Ehlers-Danlos syndrome, spondylocheiro dysplastic type</t>
  </si>
  <si>
    <t>• Ehlers-Danlos syndrome, classic-like type</t>
  </si>
  <si>
    <t>• Ehlers-Danlos syndrome, vascular-like type</t>
  </si>
  <si>
    <t>• Ehlers-Danlos syndrome, cardiac valvular  type</t>
  </si>
  <si>
    <t>• Ehlers-Danlos/osteogenesis imperfecta syndrome</t>
  </si>
  <si>
    <t>• Ehlers-Danlos syndrome, kyphoscoliotic and deafness type</t>
  </si>
  <si>
    <t>• Systemic autoimmune disease</t>
  </si>
  <si>
    <t>• Polymyositis</t>
  </si>
  <si>
    <t>• Juvenile polymyositis</t>
  </si>
  <si>
    <t>• Dermatomyositis</t>
  </si>
  <si>
    <t>• Juvenile dermatomyositis</t>
  </si>
  <si>
    <t>• Antisynthetase syndrome</t>
  </si>
  <si>
    <t>• Relapsing polychondritis</t>
  </si>
  <si>
    <t>• Bullous systemic lupus erythematosus</t>
  </si>
  <si>
    <t>• Mikulicz disease</t>
  </si>
  <si>
    <t>• Undifferentiated connective tissue syndrome</t>
  </si>
  <si>
    <t>• Systemic sclerosis</t>
  </si>
  <si>
    <t>• Pediatric systemic sclerosis</t>
  </si>
  <si>
    <t>• Diffuse cutaneous systemic sclerosis</t>
  </si>
  <si>
    <t>• Limited cutaneous systemic sclerosis</t>
  </si>
  <si>
    <t>• CREST syndrome</t>
  </si>
  <si>
    <t>• Limited systemic sclerosis</t>
  </si>
  <si>
    <t>• Pediatric systemic lupus erythematosus</t>
  </si>
  <si>
    <t>• Complement component receptor 1 deficiency</t>
  </si>
  <si>
    <t>• Pediatric Sjögren syndrome</t>
  </si>
  <si>
    <t>• Syndromic multisystem autoimmune disease due to Itch deficiency</t>
  </si>
  <si>
    <t>• Overlapping connective tissue disease</t>
  </si>
  <si>
    <t>• Mixed connective tissue disease</t>
  </si>
  <si>
    <t>• Unclassified overlapping connective tissue disease</t>
  </si>
  <si>
    <t>• Immunoglobulin G4-related sclerosing disease</t>
  </si>
  <si>
    <t>• Autoimmune pancreatitis</t>
  </si>
  <si>
    <t>• Autoimmune pancreatitis type 1</t>
  </si>
  <si>
    <t>• Autoimmune pancreatitis type 2</t>
  </si>
  <si>
    <t>• Autosomal recessive systemic lupus erythematosus</t>
  </si>
  <si>
    <t>• PLCG2-associated antibody deficiency and immune dysregulation</t>
  </si>
  <si>
    <t>• Drug-induced lupus erythematosus</t>
  </si>
  <si>
    <t>• Systemic non-Langerhans cell histiocytosis</t>
  </si>
  <si>
    <t>• Erdheim-Chester disease</t>
  </si>
  <si>
    <t>• Multicentric reticulohistiocytosis</t>
  </si>
  <si>
    <t>• Rosaï-Dorfman disease</t>
  </si>
  <si>
    <t>• Sea-blue histiocytosis</t>
  </si>
  <si>
    <t>• Faisalabad histiocytosis</t>
  </si>
  <si>
    <t>• Familial sinus histiocytosis with massive lymphadenopathy</t>
  </si>
  <si>
    <t>• Unexplained long-lasting fever/inflammatory syndrome</t>
  </si>
  <si>
    <t>• Calciphylaxis</t>
  </si>
  <si>
    <t>• Calciphylaxis cutis</t>
  </si>
  <si>
    <t>• Visceral calciphylaxis</t>
  </si>
  <si>
    <t>• TEMPI syndrome</t>
  </si>
  <si>
    <t>• Marfan and Marfan-related disorder</t>
  </si>
  <si>
    <t>• Marfan syndrome</t>
  </si>
  <si>
    <t>• Marfan syndrome type 1</t>
  </si>
  <si>
    <t>• Marfan syndrome type 2</t>
  </si>
  <si>
    <t>• Ectopia lentis syndrome</t>
  </si>
  <si>
    <t>• Congenital contractural arachnodactyly</t>
  </si>
  <si>
    <t>• Shprintzen-Goldberg syndrome</t>
  </si>
  <si>
    <t>• Loeys-Dietz syndrome type 1</t>
  </si>
  <si>
    <t>• Aortic dilatation - joint hypermobility - arterial tortuosity</t>
  </si>
  <si>
    <t>• Familial thoracic aortic aneurysm and aortic dissection</t>
  </si>
  <si>
    <t>• Neonatal Marfan syndrome</t>
  </si>
  <si>
    <t>• Aneurysm - osteoarthritis syndrome</t>
  </si>
  <si>
    <t>• Connective tissue disorder due to lysyl hydroxylase-3 deficiency</t>
  </si>
  <si>
    <t>• Progeroid and marfanoid aspect-lipodystrophy syndrome</t>
  </si>
  <si>
    <t>• Rare rheumatologic disease</t>
  </si>
  <si>
    <t>• Juvenile idiopathic arthritis</t>
  </si>
  <si>
    <t>• Juvenile rheumatoid factor-negative polyarthritis</t>
  </si>
  <si>
    <t>• Juvenile rheumatoid factor-negative polyarthritis with anti-nuclear antibodies</t>
  </si>
  <si>
    <t>• Juvenile rheumatoid factor-negative polyarthritis without anti-nuclear antibodies</t>
  </si>
  <si>
    <t>• Oligoarticular juvenile arthritis</t>
  </si>
  <si>
    <t>• Oligoarticular juvenile arthritis with anti-nuclear antibodies</t>
  </si>
  <si>
    <t>• Oligoarticular juvenile arthritis without anti-nuclear antibodies</t>
  </si>
  <si>
    <t>• Systemic-onset juvenile idiopathic arthritis</t>
  </si>
  <si>
    <t>• Juvenile rheumatoid factor-positive polyarthritis</t>
  </si>
  <si>
    <t>• Juvenile psoriatic arthritis</t>
  </si>
  <si>
    <t>• Enthesitis-related arthritis</t>
  </si>
  <si>
    <t>• Unclassified juvenile idiopathic arthritis</t>
  </si>
  <si>
    <t>• Osteochondritis of tarsal/metatarsal bone</t>
  </si>
  <si>
    <t>• Familial articular chondrocalcinosis</t>
  </si>
  <si>
    <t>• Familial articular chondrocalcinosis type 1</t>
  </si>
  <si>
    <t>• Familial articular chondrocalcinosis type 2</t>
  </si>
  <si>
    <t>• Adult Still's disease</t>
  </si>
  <si>
    <t>• Schnitzler syndrome</t>
  </si>
  <si>
    <t>• Felty syndrome</t>
  </si>
  <si>
    <t>• Pigmented villonodular synovitis</t>
  </si>
  <si>
    <t>• Interstitial granulomatous dermatitis with arthritis</t>
  </si>
  <si>
    <t>• Autoinflammatory syndrome</t>
  </si>
  <si>
    <t>• Granulomatous autoinflammatory syndrome</t>
  </si>
  <si>
    <t>• Blau syndrome</t>
  </si>
  <si>
    <t>• Infantile onset panniculitis with uveitis and systemic granulomatosis</t>
  </si>
  <si>
    <t>• Mixed autoinflammatory and autoimmune syndrome</t>
  </si>
  <si>
    <t>• Autoinflammation and PLCG2-associated antibody deficiency and immune dysregulation</t>
  </si>
  <si>
    <t>• Vitiligo-associated autoimmune disease</t>
  </si>
  <si>
    <t>• Unclassified autoinflammatory syndrome</t>
  </si>
  <si>
    <t>• Idiopathic recurrent pericarditis</t>
  </si>
  <si>
    <t>• MAGIC syndrome</t>
  </si>
  <si>
    <t>• Proteasome disability syndrome</t>
  </si>
  <si>
    <t>• JMP syndrome</t>
  </si>
  <si>
    <t>• CANDLE syndrome</t>
  </si>
  <si>
    <t>• Nakajo-Nishimura syndrome</t>
  </si>
  <si>
    <t>• Pyogenic autoinflammatory syndrome</t>
  </si>
  <si>
    <t>• Pyoderma gangrenosum - acne - suppurative hidradenitis</t>
  </si>
  <si>
    <t>• Pyoderma gangrenosum</t>
  </si>
  <si>
    <t>• Chronic recurrent multifocal osteomyelitis</t>
  </si>
  <si>
    <t>• Juvenile chronic recurrent multifocal osteomyelitis</t>
  </si>
  <si>
    <t>• Adult chronic recurrent multifocal osteomyelitis</t>
  </si>
  <si>
    <t>• Majeed syndrome</t>
  </si>
  <si>
    <t>• Generalized pustular psoriasis</t>
  </si>
  <si>
    <t>• Pyogenic arthritis - pyoderma gangrenosum - acne</t>
  </si>
  <si>
    <t>• SAPHO syndrome</t>
  </si>
  <si>
    <t>• Juvenile-onset SAPHO syndrome</t>
  </si>
  <si>
    <t>• Adult-onset SAPHO syndrome</t>
  </si>
  <si>
    <t>• Sterile multifocal osteomyelitis with periostitis and pustulosis</t>
  </si>
  <si>
    <t>• Periodic fever syndrome</t>
  </si>
  <si>
    <t>• Hereditary periodic fever syndrome</t>
  </si>
  <si>
    <t>• NALP12-associated hereditary periodic fever syndrome</t>
  </si>
  <si>
    <t>• Cryopyrin-associated periodic syndrome</t>
  </si>
  <si>
    <t>• Muckle-Wells syndrome</t>
  </si>
  <si>
    <t>• CINCA syndrome</t>
  </si>
  <si>
    <t>• CINCA syndrome with CIAS1 mutations</t>
  </si>
  <si>
    <t>• CINCA syndrome without CIAS1 mutations</t>
  </si>
  <si>
    <t>• Familial cold urticaria</t>
  </si>
  <si>
    <t>• Familial mediterranean fever</t>
  </si>
  <si>
    <t>• Hyperimmunoglobulinemia D with periodic fever</t>
  </si>
  <si>
    <t>• TRAPS syndrome</t>
  </si>
  <si>
    <t>• Unexplained periodic fever syndrome</t>
  </si>
  <si>
    <t>• Marshall's syndrome with periodic fever</t>
  </si>
  <si>
    <t>• Nonidiopathic juvenile arthritis</t>
  </si>
  <si>
    <t>• Reactive arthritis</t>
  </si>
  <si>
    <t>• Progeria-associated arthropathy</t>
  </si>
  <si>
    <r>
      <rPr>
        <b/>
        <sz val="12"/>
        <color theme="0"/>
        <rFont val="Calibri"/>
        <family val="2"/>
        <scheme val="minor"/>
      </rPr>
      <t>Seltene systemische oder rheumatische Erkrankungen</t>
    </r>
    <r>
      <rPr>
        <b/>
        <sz val="11"/>
        <color theme="0"/>
        <rFont val="Calibri"/>
        <family val="2"/>
        <scheme val="minor"/>
      </rPr>
      <t xml:space="preserve">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  <r>
      <rPr>
        <b/>
        <sz val="10"/>
        <color theme="0"/>
        <rFont val="Calibri"/>
        <family val="2"/>
        <scheme val="minor"/>
      </rPr>
      <t>Orphanet-Klassifikationsbaum mit sämtlichen zugeordneten Erkrankungen / Entitäten (inklusive Synonyme)                                                                                                                                                                                                                                                                                 (Daten-Extraktion 17/05/2013)</t>
    </r>
  </si>
  <si>
    <r>
      <t>©</t>
    </r>
    <r>
      <rPr>
        <sz val="9.9"/>
        <color theme="1"/>
        <rFont val="Arial"/>
        <family val="2"/>
      </rPr>
      <t xml:space="preserve"> Orphanet / Orphanet Austria / NKSE 2013</t>
    </r>
  </si>
  <si>
    <t>(bitte in nachfolgende Zeilen eintragen)</t>
  </si>
  <si>
    <t>Ergänzende und/oder alternative Vorschläge zur Klassifikation / Gruppierung von seltenen systemischen oder</t>
  </si>
  <si>
    <t>rheumatischen Erkrankungen</t>
  </si>
  <si>
    <r>
      <t xml:space="preserve">Für Klassifikation / Gruppierung von SE geeignet </t>
    </r>
    <r>
      <rPr>
        <b/>
        <sz val="10"/>
        <color theme="0"/>
        <rFont val="Calibri"/>
        <family val="2"/>
        <scheme val="minor"/>
      </rPr>
      <t xml:space="preserve">                      (bitte ankreuzen)</t>
    </r>
  </si>
  <si>
    <r>
      <rPr>
        <b/>
        <sz val="12"/>
        <color theme="0"/>
        <rFont val="Calibri"/>
        <family val="2"/>
        <scheme val="minor"/>
      </rPr>
      <t>Seltene systemische oder rheumatische Erkrankungen</t>
    </r>
    <r>
      <rPr>
        <b/>
        <sz val="11"/>
        <color theme="0"/>
        <rFont val="Calibri"/>
        <family val="2"/>
        <scheme val="minor"/>
      </rPr>
      <t xml:space="preserve">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  <r>
      <rPr>
        <b/>
        <sz val="10"/>
        <color theme="0"/>
        <rFont val="Calibri"/>
        <family val="2"/>
        <scheme val="minor"/>
      </rPr>
      <t>Darstellung der ersten Hierarchiestufe im Orphanet-Klassifikationsbaum                                                                                                                                                                                                                                                                                 (Daten-Extraktion 17/05/2013)</t>
    </r>
  </si>
</sst>
</file>

<file path=xl/styles.xml><?xml version="1.0" encoding="utf-8"?>
<styleSheet xmlns="http://schemas.openxmlformats.org/spreadsheetml/2006/main">
  <numFmts count="1">
    <numFmt numFmtId="164" formatCode="###0;###0"/>
  </numFmts>
  <fonts count="16">
    <font>
      <sz val="11"/>
      <color theme="1"/>
      <name val="Calibri"/>
      <family val="2"/>
      <scheme val="minor"/>
    </font>
    <font>
      <b/>
      <sz val="12"/>
      <color theme="0"/>
      <name val="Calibri"/>
      <family val="2"/>
      <scheme val="minor"/>
    </font>
    <font>
      <b/>
      <sz val="11"/>
      <color theme="0"/>
      <name val="Calibri"/>
      <family val="2"/>
      <scheme val="minor"/>
    </font>
    <font>
      <u/>
      <sz val="11"/>
      <color theme="11"/>
      <name val="Calibri"/>
      <family val="2"/>
      <scheme val="minor"/>
    </font>
    <font>
      <sz val="8"/>
      <color theme="1"/>
      <name val="Arial"/>
      <family val="2"/>
    </font>
    <font>
      <b/>
      <sz val="16"/>
      <color theme="1"/>
      <name val="Calibri"/>
      <family val="2"/>
      <scheme val="minor"/>
    </font>
    <font>
      <sz val="14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0"/>
      <name val="Calibri"/>
      <family val="2"/>
      <scheme val="minor"/>
    </font>
    <font>
      <sz val="10"/>
      <color theme="1"/>
      <name val="Arial"/>
      <family val="2"/>
    </font>
    <font>
      <sz val="10"/>
      <color rgb="FF000000"/>
      <name val="Arial"/>
      <family val="2"/>
    </font>
    <font>
      <b/>
      <sz val="10"/>
      <color rgb="FF000000"/>
      <name val="Arial"/>
      <family val="2"/>
    </font>
    <font>
      <sz val="11"/>
      <color theme="1"/>
      <name val="Arial"/>
      <family val="2"/>
    </font>
    <font>
      <sz val="9.9"/>
      <color theme="1"/>
      <name val="Arial"/>
      <family val="2"/>
    </font>
    <font>
      <sz val="10"/>
      <color indexed="63"/>
      <name val="Arial"/>
      <family val="2"/>
    </font>
    <font>
      <sz val="10"/>
      <color theme="0"/>
      <name val="Arial"/>
      <family val="2"/>
    </font>
  </fonts>
  <fills count="8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34998626667073579"/>
        <bgColor indexed="64"/>
      </patternFill>
    </fill>
    <fill>
      <patternFill patternType="solid">
        <fgColor theme="0"/>
        <bgColor rgb="FFB8CCE4"/>
      </patternFill>
    </fill>
    <fill>
      <patternFill patternType="solid">
        <fgColor theme="0"/>
        <bgColor rgb="FFDCE6F1"/>
      </patternFill>
    </fill>
    <fill>
      <patternFill patternType="solid">
        <fgColor rgb="FFBDC8E6"/>
        <bgColor indexed="64"/>
      </patternFill>
    </fill>
  </fills>
  <borders count="43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/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/>
      <bottom style="medium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 style="thin">
        <color rgb="FF231F20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rgb="FF231F20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</borders>
  <cellStyleXfs count="118">
    <xf numFmtId="0" fontId="0" fillId="0" borderId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</cellStyleXfs>
  <cellXfs count="99">
    <xf numFmtId="0" fontId="0" fillId="0" borderId="0" xfId="0"/>
    <xf numFmtId="0" fontId="4" fillId="2" borderId="1" xfId="0" applyFont="1" applyFill="1" applyBorder="1" applyAlignment="1" applyProtection="1">
      <alignment horizontal="center"/>
    </xf>
    <xf numFmtId="0" fontId="0" fillId="2" borderId="2" xfId="0" applyFill="1" applyBorder="1" applyProtection="1"/>
    <xf numFmtId="0" fontId="0" fillId="2" borderId="2" xfId="0" applyFill="1" applyBorder="1" applyAlignment="1" applyProtection="1"/>
    <xf numFmtId="0" fontId="5" fillId="2" borderId="4" xfId="0" applyFont="1" applyFill="1" applyBorder="1" applyAlignment="1" applyProtection="1">
      <alignment horizontal="left"/>
    </xf>
    <xf numFmtId="0" fontId="5" fillId="2" borderId="0" xfId="0" applyFont="1" applyFill="1" applyBorder="1" applyProtection="1"/>
    <xf numFmtId="0" fontId="5" fillId="2" borderId="8" xfId="0" applyFont="1" applyFill="1" applyBorder="1" applyAlignment="1" applyProtection="1">
      <alignment horizontal="center"/>
    </xf>
    <xf numFmtId="0" fontId="5" fillId="2" borderId="9" xfId="0" applyFont="1" applyFill="1" applyBorder="1" applyProtection="1"/>
    <xf numFmtId="0" fontId="5" fillId="2" borderId="9" xfId="0" applyFont="1" applyFill="1" applyBorder="1" applyAlignment="1" applyProtection="1"/>
    <xf numFmtId="0" fontId="0" fillId="2" borderId="9" xfId="0" applyFill="1" applyBorder="1" applyAlignment="1" applyProtection="1"/>
    <xf numFmtId="0" fontId="1" fillId="4" borderId="16" xfId="0" applyFont="1" applyFill="1" applyBorder="1" applyAlignment="1" applyProtection="1">
      <alignment horizontal="center" vertical="top" wrapText="1"/>
    </xf>
    <xf numFmtId="0" fontId="2" fillId="4" borderId="18" xfId="0" applyFont="1" applyFill="1" applyBorder="1" applyAlignment="1" applyProtection="1">
      <alignment horizontal="center" vertical="top" wrapText="1"/>
    </xf>
    <xf numFmtId="0" fontId="6" fillId="2" borderId="14" xfId="0" applyFont="1" applyFill="1" applyBorder="1" applyAlignment="1" applyProtection="1">
      <alignment vertical="center"/>
    </xf>
    <xf numFmtId="0" fontId="6" fillId="2" borderId="13" xfId="0" applyFont="1" applyFill="1" applyBorder="1" applyAlignment="1" applyProtection="1">
      <alignment vertical="center"/>
    </xf>
    <xf numFmtId="0" fontId="6" fillId="2" borderId="14" xfId="0" applyFont="1" applyFill="1" applyBorder="1" applyAlignment="1" applyProtection="1">
      <alignment vertical="center"/>
    </xf>
    <xf numFmtId="0" fontId="4" fillId="3" borderId="0" xfId="0" applyFont="1" applyFill="1" applyAlignment="1" applyProtection="1">
      <alignment horizontal="center"/>
    </xf>
    <xf numFmtId="0" fontId="0" fillId="3" borderId="0" xfId="0" applyFill="1" applyProtection="1"/>
    <xf numFmtId="0" fontId="0" fillId="3" borderId="0" xfId="0" applyFill="1" applyAlignment="1" applyProtection="1">
      <alignment horizontal="center"/>
    </xf>
    <xf numFmtId="0" fontId="0" fillId="3" borderId="2" xfId="0" applyFill="1" applyBorder="1" applyAlignment="1" applyProtection="1"/>
    <xf numFmtId="0" fontId="9" fillId="3" borderId="20" xfId="0" applyFont="1" applyFill="1" applyBorder="1" applyAlignment="1" applyProtection="1">
      <alignment vertical="center"/>
      <protection locked="0"/>
    </xf>
    <xf numFmtId="0" fontId="9" fillId="3" borderId="21" xfId="0" applyFont="1" applyFill="1" applyBorder="1" applyAlignment="1" applyProtection="1">
      <alignment vertical="center"/>
      <protection locked="0"/>
    </xf>
    <xf numFmtId="0" fontId="0" fillId="3" borderId="1" xfId="0" applyFill="1" applyBorder="1" applyAlignment="1" applyProtection="1"/>
    <xf numFmtId="0" fontId="0" fillId="3" borderId="3" xfId="0" applyFill="1" applyBorder="1" applyAlignment="1" applyProtection="1"/>
    <xf numFmtId="0" fontId="5" fillId="3" borderId="0" xfId="0" applyFont="1" applyFill="1" applyProtection="1"/>
    <xf numFmtId="0" fontId="5" fillId="2" borderId="0" xfId="0" applyFont="1" applyFill="1" applyBorder="1" applyAlignment="1" applyProtection="1"/>
    <xf numFmtId="0" fontId="0" fillId="2" borderId="0" xfId="0" applyFill="1" applyBorder="1" applyAlignment="1" applyProtection="1"/>
    <xf numFmtId="0" fontId="0" fillId="3" borderId="8" xfId="0" applyFill="1" applyBorder="1" applyAlignment="1" applyProtection="1"/>
    <xf numFmtId="0" fontId="0" fillId="3" borderId="11" xfId="0" applyFill="1" applyBorder="1" applyAlignment="1" applyProtection="1"/>
    <xf numFmtId="0" fontId="0" fillId="3" borderId="12" xfId="0" applyFill="1" applyBorder="1" applyAlignment="1" applyProtection="1"/>
    <xf numFmtId="0" fontId="0" fillId="3" borderId="0" xfId="0" applyFill="1" applyAlignment="1" applyProtection="1"/>
    <xf numFmtId="0" fontId="6" fillId="3" borderId="0" xfId="0" applyFont="1" applyFill="1" applyAlignment="1" applyProtection="1">
      <alignment vertical="center"/>
    </xf>
    <xf numFmtId="0" fontId="0" fillId="2" borderId="14" xfId="0" applyFill="1" applyBorder="1" applyAlignment="1" applyProtection="1">
      <alignment vertical="center"/>
    </xf>
    <xf numFmtId="0" fontId="0" fillId="2" borderId="14" xfId="0" applyFill="1" applyBorder="1" applyAlignment="1" applyProtection="1">
      <alignment vertical="center"/>
    </xf>
    <xf numFmtId="0" fontId="7" fillId="3" borderId="0" xfId="0" applyFont="1" applyFill="1" applyAlignment="1" applyProtection="1">
      <alignment vertical="top" wrapText="1"/>
    </xf>
    <xf numFmtId="0" fontId="1" fillId="4" borderId="29" xfId="0" applyFont="1" applyFill="1" applyBorder="1" applyAlignment="1" applyProtection="1">
      <alignment horizontal="center" vertical="top" wrapText="1"/>
    </xf>
    <xf numFmtId="0" fontId="7" fillId="4" borderId="17" xfId="0" applyFont="1" applyFill="1" applyBorder="1" applyAlignment="1" applyProtection="1">
      <alignment vertical="top" wrapText="1"/>
    </xf>
    <xf numFmtId="0" fontId="2" fillId="4" borderId="11" xfId="0" applyFont="1" applyFill="1" applyBorder="1" applyAlignment="1" applyProtection="1">
      <alignment vertical="top" wrapText="1"/>
    </xf>
    <xf numFmtId="0" fontId="0" fillId="4" borderId="11" xfId="0" applyFill="1" applyBorder="1" applyAlignment="1" applyProtection="1">
      <alignment vertical="top" wrapText="1"/>
    </xf>
    <xf numFmtId="0" fontId="0" fillId="4" borderId="12" xfId="0" applyFill="1" applyBorder="1" applyAlignment="1" applyProtection="1">
      <alignment vertical="top" wrapText="1"/>
    </xf>
    <xf numFmtId="0" fontId="2" fillId="4" borderId="12" xfId="0" applyFont="1" applyFill="1" applyBorder="1" applyAlignment="1" applyProtection="1">
      <alignment horizontal="center" vertical="top" wrapText="1"/>
    </xf>
    <xf numFmtId="164" fontId="14" fillId="7" borderId="30" xfId="0" applyNumberFormat="1" applyFont="1" applyFill="1" applyBorder="1" applyAlignment="1" applyProtection="1">
      <alignment horizontal="left" vertical="center" wrapText="1"/>
    </xf>
    <xf numFmtId="164" fontId="14" fillId="7" borderId="31" xfId="0" applyNumberFormat="1" applyFont="1" applyFill="1" applyBorder="1" applyAlignment="1" applyProtection="1">
      <alignment horizontal="left" vertical="center" wrapText="1"/>
    </xf>
    <xf numFmtId="0" fontId="9" fillId="3" borderId="0" xfId="0" applyFont="1" applyFill="1" applyAlignment="1" applyProtection="1">
      <alignment vertical="center"/>
    </xf>
    <xf numFmtId="0" fontId="9" fillId="3" borderId="32" xfId="0" applyFont="1" applyFill="1" applyBorder="1" applyAlignment="1" applyProtection="1">
      <alignment horizontal="center" vertical="center"/>
    </xf>
    <xf numFmtId="164" fontId="14" fillId="4" borderId="33" xfId="0" applyNumberFormat="1" applyFont="1" applyFill="1" applyBorder="1" applyAlignment="1" applyProtection="1">
      <alignment horizontal="left" vertical="center" wrapText="1"/>
    </xf>
    <xf numFmtId="0" fontId="15" fillId="4" borderId="1" xfId="0" applyFont="1" applyFill="1" applyBorder="1" applyAlignment="1" applyProtection="1">
      <alignment vertical="center"/>
    </xf>
    <xf numFmtId="49" fontId="1" fillId="4" borderId="2" xfId="0" applyNumberFormat="1" applyFont="1" applyFill="1" applyBorder="1" applyAlignment="1" applyProtection="1">
      <alignment vertical="top" wrapText="1"/>
    </xf>
    <xf numFmtId="164" fontId="14" fillId="4" borderId="36" xfId="0" applyNumberFormat="1" applyFont="1" applyFill="1" applyBorder="1" applyAlignment="1" applyProtection="1">
      <alignment horizontal="left" vertical="center" wrapText="1"/>
    </xf>
    <xf numFmtId="0" fontId="15" fillId="4" borderId="4" xfId="0" applyFont="1" applyFill="1" applyBorder="1" applyAlignment="1" applyProtection="1">
      <alignment vertical="center"/>
    </xf>
    <xf numFmtId="49" fontId="1" fillId="4" borderId="0" xfId="0" applyNumberFormat="1" applyFont="1" applyFill="1" applyBorder="1" applyAlignment="1" applyProtection="1">
      <alignment vertical="top" wrapText="1"/>
    </xf>
    <xf numFmtId="164" fontId="14" fillId="4" borderId="39" xfId="0" applyNumberFormat="1" applyFont="1" applyFill="1" applyBorder="1" applyAlignment="1" applyProtection="1">
      <alignment horizontal="left" vertical="center" wrapText="1"/>
    </xf>
    <xf numFmtId="0" fontId="9" fillId="4" borderId="8" xfId="0" applyFont="1" applyFill="1" applyBorder="1" applyAlignment="1" applyProtection="1">
      <alignment vertical="center"/>
    </xf>
    <xf numFmtId="49" fontId="8" fillId="4" borderId="9" xfId="0" applyNumberFormat="1" applyFont="1" applyFill="1" applyBorder="1" applyAlignment="1" applyProtection="1">
      <alignment vertical="top" wrapText="1"/>
    </xf>
    <xf numFmtId="0" fontId="9" fillId="3" borderId="32" xfId="0" applyFont="1" applyFill="1" applyBorder="1" applyAlignment="1" applyProtection="1">
      <alignment vertical="center"/>
    </xf>
    <xf numFmtId="0" fontId="9" fillId="3" borderId="42" xfId="0" applyFont="1" applyFill="1" applyBorder="1" applyAlignment="1" applyProtection="1">
      <alignment horizontal="center" vertical="center"/>
    </xf>
    <xf numFmtId="0" fontId="9" fillId="3" borderId="23" xfId="0" applyFont="1" applyFill="1" applyBorder="1" applyAlignment="1" applyProtection="1">
      <alignment vertical="center"/>
      <protection locked="0"/>
    </xf>
    <xf numFmtId="0" fontId="9" fillId="3" borderId="27" xfId="0" applyFont="1" applyFill="1" applyBorder="1" applyAlignment="1" applyProtection="1">
      <alignment vertical="center"/>
      <protection locked="0"/>
    </xf>
    <xf numFmtId="0" fontId="0" fillId="3" borderId="28" xfId="0" applyFill="1" applyBorder="1" applyAlignment="1" applyProtection="1">
      <protection locked="0"/>
    </xf>
    <xf numFmtId="0" fontId="0" fillId="0" borderId="6" xfId="0" applyBorder="1" applyAlignment="1" applyProtection="1">
      <protection locked="0"/>
    </xf>
    <xf numFmtId="0" fontId="0" fillId="0" borderId="7" xfId="0" applyBorder="1" applyAlignment="1" applyProtection="1">
      <protection locked="0"/>
    </xf>
    <xf numFmtId="0" fontId="0" fillId="3" borderId="13" xfId="0" applyFill="1" applyBorder="1" applyAlignment="1" applyProtection="1">
      <alignment vertical="center"/>
      <protection locked="0"/>
    </xf>
    <xf numFmtId="0" fontId="0" fillId="0" borderId="14" xfId="0" applyBorder="1" applyAlignment="1" applyProtection="1">
      <alignment vertical="center"/>
      <protection locked="0"/>
    </xf>
    <xf numFmtId="0" fontId="0" fillId="0" borderId="15" xfId="0" applyBorder="1" applyAlignment="1" applyProtection="1">
      <alignment vertical="center"/>
      <protection locked="0"/>
    </xf>
    <xf numFmtId="0" fontId="0" fillId="3" borderId="20" xfId="0" applyFill="1" applyBorder="1" applyProtection="1">
      <protection locked="0"/>
    </xf>
    <xf numFmtId="0" fontId="0" fillId="3" borderId="21" xfId="0" applyFill="1" applyBorder="1" applyProtection="1">
      <protection locked="0"/>
    </xf>
    <xf numFmtId="0" fontId="0" fillId="3" borderId="23" xfId="0" applyFill="1" applyBorder="1" applyProtection="1">
      <protection locked="0"/>
    </xf>
    <xf numFmtId="0" fontId="0" fillId="3" borderId="27" xfId="0" applyFill="1" applyBorder="1" applyProtection="1">
      <protection locked="0"/>
    </xf>
    <xf numFmtId="0" fontId="9" fillId="3" borderId="19" xfId="0" applyFont="1" applyFill="1" applyBorder="1" applyAlignment="1" applyProtection="1">
      <alignment horizontal="center" vertical="center"/>
    </xf>
    <xf numFmtId="0" fontId="10" fillId="5" borderId="13" xfId="0" applyFont="1" applyFill="1" applyBorder="1" applyAlignment="1" applyProtection="1">
      <alignment vertical="center"/>
    </xf>
    <xf numFmtId="49" fontId="11" fillId="5" borderId="14" xfId="0" applyNumberFormat="1" applyFont="1" applyFill="1" applyBorder="1" applyAlignment="1" applyProtection="1">
      <alignment vertical="center"/>
    </xf>
    <xf numFmtId="0" fontId="10" fillId="3" borderId="14" xfId="0" applyFont="1" applyFill="1" applyBorder="1" applyAlignment="1" applyProtection="1">
      <alignment vertical="center"/>
    </xf>
    <xf numFmtId="49" fontId="10" fillId="5" borderId="14" xfId="0" applyNumberFormat="1" applyFont="1" applyFill="1" applyBorder="1" applyAlignment="1" applyProtection="1">
      <alignment vertical="center"/>
    </xf>
    <xf numFmtId="0" fontId="9" fillId="3" borderId="15" xfId="0" applyFont="1" applyFill="1" applyBorder="1" applyAlignment="1" applyProtection="1">
      <alignment vertical="center"/>
    </xf>
    <xf numFmtId="0" fontId="10" fillId="6" borderId="13" xfId="0" applyFont="1" applyFill="1" applyBorder="1" applyAlignment="1" applyProtection="1">
      <alignment vertical="center"/>
    </xf>
    <xf numFmtId="49" fontId="10" fillId="6" borderId="14" xfId="0" applyNumberFormat="1" applyFont="1" applyFill="1" applyBorder="1" applyAlignment="1" applyProtection="1">
      <alignment vertical="center"/>
    </xf>
    <xf numFmtId="0" fontId="9" fillId="3" borderId="19" xfId="0" applyFont="1" applyFill="1" applyBorder="1" applyAlignment="1" applyProtection="1">
      <alignment vertical="center"/>
    </xf>
    <xf numFmtId="0" fontId="0" fillId="3" borderId="19" xfId="0" applyFill="1" applyBorder="1" applyAlignment="1" applyProtection="1">
      <alignment horizontal="center"/>
    </xf>
    <xf numFmtId="0" fontId="0" fillId="3" borderId="15" xfId="0" applyFill="1" applyBorder="1" applyProtection="1"/>
    <xf numFmtId="0" fontId="0" fillId="3" borderId="22" xfId="0" applyFill="1" applyBorder="1" applyAlignment="1" applyProtection="1">
      <alignment horizontal="center"/>
    </xf>
    <xf numFmtId="0" fontId="10" fillId="6" borderId="24" xfId="0" applyFont="1" applyFill="1" applyBorder="1" applyAlignment="1" applyProtection="1">
      <alignment vertical="center"/>
    </xf>
    <xf numFmtId="49" fontId="10" fillId="6" borderId="25" xfId="0" applyNumberFormat="1" applyFont="1" applyFill="1" applyBorder="1" applyAlignment="1" applyProtection="1">
      <alignment vertical="center"/>
    </xf>
    <xf numFmtId="0" fontId="0" fillId="3" borderId="26" xfId="0" applyFill="1" applyBorder="1" applyProtection="1"/>
    <xf numFmtId="0" fontId="12" fillId="3" borderId="0" xfId="0" applyFont="1" applyFill="1" applyProtection="1"/>
    <xf numFmtId="0" fontId="9" fillId="3" borderId="13" xfId="0" applyFont="1" applyFill="1" applyBorder="1" applyAlignment="1" applyProtection="1">
      <alignment vertical="center"/>
      <protection locked="0"/>
    </xf>
    <xf numFmtId="0" fontId="9" fillId="3" borderId="24" xfId="0" applyFont="1" applyFill="1" applyBorder="1" applyAlignment="1" applyProtection="1">
      <alignment vertical="center"/>
      <protection locked="0"/>
    </xf>
    <xf numFmtId="0" fontId="0" fillId="0" borderId="25" xfId="0" applyBorder="1" applyAlignment="1" applyProtection="1">
      <alignment vertical="center"/>
      <protection locked="0"/>
    </xf>
    <xf numFmtId="0" fontId="0" fillId="0" borderId="26" xfId="0" applyBorder="1" applyAlignment="1" applyProtection="1">
      <alignment vertical="center"/>
      <protection locked="0"/>
    </xf>
    <xf numFmtId="0" fontId="2" fillId="4" borderId="2" xfId="0" applyFont="1" applyFill="1" applyBorder="1" applyAlignment="1" applyProtection="1">
      <alignment vertical="top" wrapText="1"/>
    </xf>
    <xf numFmtId="0" fontId="2" fillId="4" borderId="3" xfId="0" applyFont="1" applyFill="1" applyBorder="1" applyAlignment="1" applyProtection="1">
      <alignment vertical="top" wrapText="1"/>
    </xf>
    <xf numFmtId="0" fontId="9" fillId="4" borderId="34" xfId="0" applyFont="1" applyFill="1" applyBorder="1" applyAlignment="1" applyProtection="1">
      <alignment vertical="center"/>
    </xf>
    <xf numFmtId="0" fontId="9" fillId="4" borderId="35" xfId="0" applyFont="1" applyFill="1" applyBorder="1" applyAlignment="1" applyProtection="1">
      <alignment vertical="center"/>
    </xf>
    <xf numFmtId="0" fontId="0" fillId="0" borderId="0" xfId="0" applyAlignment="1" applyProtection="1">
      <alignment vertical="top" wrapText="1"/>
    </xf>
    <xf numFmtId="0" fontId="0" fillId="0" borderId="5" xfId="0" applyBorder="1" applyAlignment="1" applyProtection="1">
      <alignment vertical="top" wrapText="1"/>
    </xf>
    <xf numFmtId="0" fontId="9" fillId="4" borderId="37" xfId="0" applyFont="1" applyFill="1" applyBorder="1" applyAlignment="1" applyProtection="1">
      <alignment vertical="center"/>
    </xf>
    <xf numFmtId="0" fontId="9" fillId="4" borderId="38" xfId="0" applyFont="1" applyFill="1" applyBorder="1" applyAlignment="1" applyProtection="1">
      <alignment vertical="center"/>
    </xf>
    <xf numFmtId="0" fontId="2" fillId="4" borderId="9" xfId="0" applyFont="1" applyFill="1" applyBorder="1" applyAlignment="1" applyProtection="1">
      <alignment vertical="top" wrapText="1"/>
    </xf>
    <xf numFmtId="0" fontId="2" fillId="4" borderId="10" xfId="0" applyFont="1" applyFill="1" applyBorder="1" applyAlignment="1" applyProtection="1">
      <alignment vertical="top" wrapText="1"/>
    </xf>
    <xf numFmtId="0" fontId="9" fillId="4" borderId="40" xfId="0" applyFont="1" applyFill="1" applyBorder="1" applyAlignment="1" applyProtection="1">
      <alignment vertical="center"/>
    </xf>
    <xf numFmtId="0" fontId="9" fillId="4" borderId="41" xfId="0" applyFont="1" applyFill="1" applyBorder="1" applyAlignment="1" applyProtection="1">
      <alignment vertical="center"/>
    </xf>
  </cellXfs>
  <cellStyles count="118">
    <cellStyle name="Besuchter Hyperlink" xfId="1" builtinId="9" hidden="1"/>
    <cellStyle name="Besuchter Hyperlink" xfId="2" builtinId="9" hidden="1"/>
    <cellStyle name="Besuchter Hyperlink" xfId="3" builtinId="9" hidden="1"/>
    <cellStyle name="Besuchter Hyperlink" xfId="4" builtinId="9" hidden="1"/>
    <cellStyle name="Besuchter Hyperlink" xfId="5" builtinId="9" hidden="1"/>
    <cellStyle name="Besuchter Hyperlink" xfId="6" builtinId="9" hidden="1"/>
    <cellStyle name="Besuchter Hyperlink" xfId="7" builtinId="9" hidden="1"/>
    <cellStyle name="Besuchter Hyperlink" xfId="8" builtinId="9" hidden="1"/>
    <cellStyle name="Besuchter Hyperlink" xfId="9" builtinId="9" hidden="1"/>
    <cellStyle name="Besuchter Hyperlink" xfId="10" builtinId="9" hidden="1"/>
    <cellStyle name="Besuchter Hyperlink" xfId="11" builtinId="9" hidden="1"/>
    <cellStyle name="Besuchter Hyperlink" xfId="12" builtinId="9" hidden="1"/>
    <cellStyle name="Besuchter Hyperlink" xfId="13" builtinId="9" hidden="1"/>
    <cellStyle name="Besuchter Hyperlink" xfId="14" builtinId="9" hidden="1"/>
    <cellStyle name="Besuchter Hyperlink" xfId="15" builtinId="9" hidden="1"/>
    <cellStyle name="Besuchter Hyperlink" xfId="16" builtinId="9" hidden="1"/>
    <cellStyle name="Besuchter Hyperlink" xfId="17" builtinId="9" hidden="1"/>
    <cellStyle name="Besuchter Hyperlink" xfId="18" builtinId="9" hidden="1"/>
    <cellStyle name="Besuchter Hyperlink" xfId="19" builtinId="9" hidden="1"/>
    <cellStyle name="Besuchter Hyperlink" xfId="20" builtinId="9" hidden="1"/>
    <cellStyle name="Besuchter Hyperlink" xfId="21" builtinId="9" hidden="1"/>
    <cellStyle name="Besuchter Hyperlink" xfId="22" builtinId="9" hidden="1"/>
    <cellStyle name="Besuchter Hyperlink" xfId="23" builtinId="9" hidden="1"/>
    <cellStyle name="Besuchter Hyperlink" xfId="24" builtinId="9" hidden="1"/>
    <cellStyle name="Besuchter Hyperlink" xfId="25" builtinId="9" hidden="1"/>
    <cellStyle name="Besuchter Hyperlink" xfId="26" builtinId="9" hidden="1"/>
    <cellStyle name="Besuchter Hyperlink" xfId="27" builtinId="9" hidden="1"/>
    <cellStyle name="Besuchter Hyperlink" xfId="28" builtinId="9" hidden="1"/>
    <cellStyle name="Besuchter Hyperlink" xfId="29" builtinId="9" hidden="1"/>
    <cellStyle name="Besuchter Hyperlink" xfId="30" builtinId="9" hidden="1"/>
    <cellStyle name="Besuchter Hyperlink" xfId="31" builtinId="9" hidden="1"/>
    <cellStyle name="Besuchter Hyperlink" xfId="32" builtinId="9" hidden="1"/>
    <cellStyle name="Besuchter Hyperlink" xfId="33" builtinId="9" hidden="1"/>
    <cellStyle name="Besuchter Hyperlink" xfId="34" builtinId="9" hidden="1"/>
    <cellStyle name="Besuchter Hyperlink" xfId="35" builtinId="9" hidden="1"/>
    <cellStyle name="Besuchter Hyperlink" xfId="36" builtinId="9" hidden="1"/>
    <cellStyle name="Besuchter Hyperlink" xfId="37" builtinId="9" hidden="1"/>
    <cellStyle name="Besuchter Hyperlink" xfId="38" builtinId="9" hidden="1"/>
    <cellStyle name="Besuchter Hyperlink" xfId="39" builtinId="9" hidden="1"/>
    <cellStyle name="Besuchter Hyperlink" xfId="40" builtinId="9" hidden="1"/>
    <cellStyle name="Besuchter Hyperlink" xfId="41" builtinId="9" hidden="1"/>
    <cellStyle name="Besuchter Hyperlink" xfId="42" builtinId="9" hidden="1"/>
    <cellStyle name="Besuchter Hyperlink" xfId="43" builtinId="9" hidden="1"/>
    <cellStyle name="Besuchter Hyperlink" xfId="44" builtinId="9" hidden="1"/>
    <cellStyle name="Besuchter Hyperlink" xfId="45" builtinId="9" hidden="1"/>
    <cellStyle name="Besuchter Hyperlink" xfId="46" builtinId="9" hidden="1"/>
    <cellStyle name="Besuchter Hyperlink" xfId="47" builtinId="9" hidden="1"/>
    <cellStyle name="Besuchter Hyperlink" xfId="48" builtinId="9" hidden="1"/>
    <cellStyle name="Besuchter Hyperlink" xfId="49" builtinId="9" hidden="1"/>
    <cellStyle name="Besuchter Hyperlink" xfId="50" builtinId="9" hidden="1"/>
    <cellStyle name="Besuchter Hyperlink" xfId="51" builtinId="9" hidden="1"/>
    <cellStyle name="Besuchter Hyperlink" xfId="52" builtinId="9" hidden="1"/>
    <cellStyle name="Besuchter Hyperlink" xfId="53" builtinId="9" hidden="1"/>
    <cellStyle name="Besuchter Hyperlink" xfId="54" builtinId="9" hidden="1"/>
    <cellStyle name="Besuchter Hyperlink" xfId="55" builtinId="9" hidden="1"/>
    <cellStyle name="Besuchter Hyperlink" xfId="56" builtinId="9" hidden="1"/>
    <cellStyle name="Besuchter Hyperlink" xfId="57" builtinId="9" hidden="1"/>
    <cellStyle name="Besuchter Hyperlink" xfId="58" builtinId="9" hidden="1"/>
    <cellStyle name="Besuchter Hyperlink" xfId="59" builtinId="9" hidden="1"/>
    <cellStyle name="Besuchter Hyperlink" xfId="60" builtinId="9" hidden="1"/>
    <cellStyle name="Besuchter Hyperlink" xfId="61" builtinId="9" hidden="1"/>
    <cellStyle name="Besuchter Hyperlink" xfId="62" builtinId="9" hidden="1"/>
    <cellStyle name="Besuchter Hyperlink" xfId="63" builtinId="9" hidden="1"/>
    <cellStyle name="Besuchter Hyperlink" xfId="64" builtinId="9" hidden="1"/>
    <cellStyle name="Besuchter Hyperlink" xfId="65" builtinId="9" hidden="1"/>
    <cellStyle name="Besuchter Hyperlink" xfId="66" builtinId="9" hidden="1"/>
    <cellStyle name="Besuchter Hyperlink" xfId="67" builtinId="9" hidden="1"/>
    <cellStyle name="Besuchter Hyperlink" xfId="68" builtinId="9" hidden="1"/>
    <cellStyle name="Besuchter Hyperlink" xfId="69" builtinId="9" hidden="1"/>
    <cellStyle name="Besuchter Hyperlink" xfId="70" builtinId="9" hidden="1"/>
    <cellStyle name="Besuchter Hyperlink" xfId="71" builtinId="9" hidden="1"/>
    <cellStyle name="Besuchter Hyperlink" xfId="72" builtinId="9" hidden="1"/>
    <cellStyle name="Besuchter Hyperlink" xfId="73" builtinId="9" hidden="1"/>
    <cellStyle name="Besuchter Hyperlink" xfId="74" builtinId="9" hidden="1"/>
    <cellStyle name="Besuchter Hyperlink" xfId="75" builtinId="9" hidden="1"/>
    <cellStyle name="Besuchter Hyperlink" xfId="76" builtinId="9" hidden="1"/>
    <cellStyle name="Besuchter Hyperlink" xfId="77" builtinId="9" hidden="1"/>
    <cellStyle name="Besuchter Hyperlink" xfId="78" builtinId="9" hidden="1"/>
    <cellStyle name="Besuchter Hyperlink" xfId="79" builtinId="9" hidden="1"/>
    <cellStyle name="Besuchter Hyperlink" xfId="80" builtinId="9" hidden="1"/>
    <cellStyle name="Besuchter Hyperlink" xfId="81" builtinId="9" hidden="1"/>
    <cellStyle name="Besuchter Hyperlink" xfId="82" builtinId="9" hidden="1"/>
    <cellStyle name="Besuchter Hyperlink" xfId="83" builtinId="9" hidden="1"/>
    <cellStyle name="Besuchter Hyperlink" xfId="84" builtinId="9" hidden="1"/>
    <cellStyle name="Besuchter Hyperlink" xfId="85" builtinId="9" hidden="1"/>
    <cellStyle name="Besuchter Hyperlink" xfId="86" builtinId="9" hidden="1"/>
    <cellStyle name="Besuchter Hyperlink" xfId="87" builtinId="9" hidden="1"/>
    <cellStyle name="Besuchter Hyperlink" xfId="88" builtinId="9" hidden="1"/>
    <cellStyle name="Besuchter Hyperlink" xfId="89" builtinId="9" hidden="1"/>
    <cellStyle name="Besuchter Hyperlink" xfId="90" builtinId="9" hidden="1"/>
    <cellStyle name="Besuchter Hyperlink" xfId="91" builtinId="9" hidden="1"/>
    <cellStyle name="Besuchter Hyperlink" xfId="92" builtinId="9" hidden="1"/>
    <cellStyle name="Besuchter Hyperlink" xfId="93" builtinId="9" hidden="1"/>
    <cellStyle name="Besuchter Hyperlink" xfId="94" builtinId="9" hidden="1"/>
    <cellStyle name="Besuchter Hyperlink" xfId="95" builtinId="9" hidden="1"/>
    <cellStyle name="Besuchter Hyperlink" xfId="96" builtinId="9" hidden="1"/>
    <cellStyle name="Besuchter Hyperlink" xfId="97" builtinId="9" hidden="1"/>
    <cellStyle name="Besuchter Hyperlink" xfId="98" builtinId="9" hidden="1"/>
    <cellStyle name="Besuchter Hyperlink" xfId="99" builtinId="9" hidden="1"/>
    <cellStyle name="Besuchter Hyperlink" xfId="100" builtinId="9" hidden="1"/>
    <cellStyle name="Besuchter Hyperlink" xfId="101" builtinId="9" hidden="1"/>
    <cellStyle name="Besuchter Hyperlink" xfId="102" builtinId="9" hidden="1"/>
    <cellStyle name="Besuchter Hyperlink" xfId="103" builtinId="9" hidden="1"/>
    <cellStyle name="Besuchter Hyperlink" xfId="104" builtinId="9" hidden="1"/>
    <cellStyle name="Besuchter Hyperlink" xfId="105" builtinId="9" hidden="1"/>
    <cellStyle name="Besuchter Hyperlink" xfId="106" builtinId="9" hidden="1"/>
    <cellStyle name="Besuchter Hyperlink" xfId="107" builtinId="9" hidden="1"/>
    <cellStyle name="Besuchter Hyperlink" xfId="108" builtinId="9" hidden="1"/>
    <cellStyle name="Besuchter Hyperlink" xfId="109" builtinId="9" hidden="1"/>
    <cellStyle name="Besuchter Hyperlink" xfId="110" builtinId="9" hidden="1"/>
    <cellStyle name="Besuchter Hyperlink" xfId="111" builtinId="9" hidden="1"/>
    <cellStyle name="Besuchter Hyperlink" xfId="112" builtinId="9" hidden="1"/>
    <cellStyle name="Besuchter Hyperlink" xfId="113" builtinId="9" hidden="1"/>
    <cellStyle name="Besuchter Hyperlink" xfId="114" builtinId="9" hidden="1"/>
    <cellStyle name="Besuchter Hyperlink" xfId="115" builtinId="9" hidden="1"/>
    <cellStyle name="Besuchter Hyperlink" xfId="116" builtinId="9" hidden="1"/>
    <cellStyle name="Besuchter Hyperlink" xfId="117" builtinId="9" hidden="1"/>
    <cellStyle name="Standard" xfId="0" builtinId="0"/>
  </cellStyles>
  <dxfs count="0"/>
  <tableStyles count="0" defaultTableStyle="TableStyleMedium9" defaultPivotStyle="PivotStyleLight16"/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connections" Target="connections.xml"/></Relationships>
</file>

<file path=xl/theme/theme1.xml><?xml version="1.0" encoding="utf-8"?>
<a:theme xmlns:a="http://schemas.openxmlformats.org/drawingml/2006/main" name="Larissa-Design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>
  <dimension ref="A1:O237"/>
  <sheetViews>
    <sheetView tabSelected="1" topLeftCell="C1" zoomScale="90" zoomScaleNormal="90" workbookViewId="0">
      <pane ySplit="9" topLeftCell="A10" activePane="bottomLeft" state="frozen"/>
      <selection activeCell="C1" sqref="C1"/>
      <selection pane="bottomLeft" activeCell="L3" sqref="L3:O3"/>
    </sheetView>
  </sheetViews>
  <sheetFormatPr baseColWidth="10" defaultRowHeight="15"/>
  <cols>
    <col min="1" max="1" width="11.42578125" style="16" hidden="1" customWidth="1"/>
    <col min="2" max="2" width="6.42578125" style="17" hidden="1" customWidth="1"/>
    <col min="3" max="3" width="10.85546875" style="16" customWidth="1"/>
    <col min="4" max="4" width="1.42578125" style="16" customWidth="1"/>
    <col min="5" max="12" width="3.5703125" style="16" customWidth="1"/>
    <col min="13" max="13" width="100.7109375" style="16" customWidth="1"/>
    <col min="14" max="14" width="20.85546875" style="16" customWidth="1"/>
    <col min="15" max="15" width="24.28515625" style="16" customWidth="1"/>
    <col min="16" max="16384" width="11.42578125" style="16"/>
  </cols>
  <sheetData>
    <row r="1" spans="2:15" ht="5.25" customHeight="1">
      <c r="B1" s="15"/>
      <c r="F1" s="17"/>
      <c r="G1" s="17"/>
      <c r="H1" s="17"/>
    </row>
    <row r="2" spans="2:15" ht="4.5" customHeight="1">
      <c r="B2" s="16"/>
      <c r="C2" s="1"/>
      <c r="D2" s="2"/>
      <c r="E2" s="2"/>
      <c r="F2" s="3"/>
      <c r="G2" s="3"/>
      <c r="H2" s="3"/>
      <c r="I2" s="3"/>
      <c r="J2" s="3"/>
      <c r="K2" s="3"/>
      <c r="L2" s="21"/>
      <c r="M2" s="18"/>
      <c r="N2" s="18"/>
      <c r="O2" s="22"/>
    </row>
    <row r="3" spans="2:15" s="23" customFormat="1" ht="21.75" thickBot="1">
      <c r="C3" s="4" t="s">
        <v>1</v>
      </c>
      <c r="D3" s="5"/>
      <c r="E3" s="5"/>
      <c r="F3" s="24"/>
      <c r="G3" s="25"/>
      <c r="H3" s="25"/>
      <c r="I3" s="25"/>
      <c r="J3" s="25"/>
      <c r="K3" s="25"/>
      <c r="L3" s="57"/>
      <c r="M3" s="58"/>
      <c r="N3" s="58"/>
      <c r="O3" s="59"/>
    </row>
    <row r="4" spans="2:15" s="23" customFormat="1" ht="4.5" customHeight="1">
      <c r="C4" s="6"/>
      <c r="D4" s="7"/>
      <c r="E4" s="7"/>
      <c r="F4" s="8"/>
      <c r="G4" s="9"/>
      <c r="H4" s="9"/>
      <c r="I4" s="9"/>
      <c r="J4" s="9"/>
      <c r="K4" s="9"/>
      <c r="L4" s="26"/>
      <c r="M4" s="27"/>
      <c r="N4" s="27"/>
      <c r="O4" s="28"/>
    </row>
    <row r="5" spans="2:15" ht="7.5" customHeight="1">
      <c r="B5" s="16"/>
      <c r="C5" s="17"/>
      <c r="G5" s="17"/>
      <c r="H5" s="17"/>
      <c r="I5" s="17"/>
      <c r="J5" s="17"/>
      <c r="K5" s="17"/>
      <c r="M5" s="29"/>
      <c r="N5" s="29"/>
      <c r="O5" s="29"/>
    </row>
    <row r="6" spans="2:15" s="30" customFormat="1" ht="22.5" customHeight="1">
      <c r="C6" s="13" t="s">
        <v>2</v>
      </c>
      <c r="D6" s="14"/>
      <c r="E6" s="31"/>
      <c r="F6" s="12"/>
      <c r="G6" s="32"/>
      <c r="H6" s="32"/>
      <c r="I6" s="32"/>
      <c r="J6" s="32"/>
      <c r="K6" s="32"/>
      <c r="L6" s="60"/>
      <c r="M6" s="61"/>
      <c r="N6" s="61"/>
      <c r="O6" s="62"/>
    </row>
    <row r="7" spans="2:15" s="30" customFormat="1" ht="22.5" customHeight="1">
      <c r="C7" s="13" t="s">
        <v>3</v>
      </c>
      <c r="D7" s="14"/>
      <c r="E7" s="31"/>
      <c r="F7" s="12"/>
      <c r="G7" s="32"/>
      <c r="H7" s="32"/>
      <c r="I7" s="32"/>
      <c r="J7" s="32"/>
      <c r="K7" s="32"/>
      <c r="L7" s="60"/>
      <c r="M7" s="61"/>
      <c r="N7" s="61"/>
      <c r="O7" s="62"/>
    </row>
    <row r="8" spans="2:15" ht="7.5" customHeight="1" thickBot="1">
      <c r="F8" s="17"/>
      <c r="G8" s="17"/>
      <c r="H8" s="17"/>
    </row>
    <row r="9" spans="2:15" s="33" customFormat="1" ht="45" customHeight="1">
      <c r="B9" s="34" t="s">
        <v>4</v>
      </c>
      <c r="C9" s="10" t="s">
        <v>5</v>
      </c>
      <c r="D9" s="35"/>
      <c r="E9" s="36" t="s">
        <v>223</v>
      </c>
      <c r="F9" s="37"/>
      <c r="G9" s="37"/>
      <c r="H9" s="37"/>
      <c r="I9" s="37"/>
      <c r="J9" s="37"/>
      <c r="K9" s="37"/>
      <c r="L9" s="37"/>
      <c r="M9" s="38"/>
      <c r="N9" s="39" t="s">
        <v>6</v>
      </c>
      <c r="O9" s="11" t="s">
        <v>7</v>
      </c>
    </row>
    <row r="10" spans="2:15" s="42" customFormat="1" ht="15.75" customHeight="1">
      <c r="B10" s="67"/>
      <c r="C10" s="40">
        <v>98023</v>
      </c>
      <c r="D10" s="68"/>
      <c r="E10" s="69" t="s">
        <v>0</v>
      </c>
      <c r="F10" s="70"/>
      <c r="G10" s="70"/>
      <c r="H10" s="70"/>
      <c r="I10" s="71"/>
      <c r="J10" s="71"/>
      <c r="K10" s="71"/>
      <c r="L10" s="71"/>
      <c r="M10" s="72"/>
      <c r="N10" s="19"/>
      <c r="O10" s="20"/>
    </row>
    <row r="11" spans="2:15" s="42" customFormat="1" ht="15" customHeight="1">
      <c r="B11" s="67"/>
      <c r="C11" s="40">
        <v>658</v>
      </c>
      <c r="D11" s="68"/>
      <c r="E11" s="71"/>
      <c r="F11" s="71" t="s">
        <v>8</v>
      </c>
      <c r="G11" s="70"/>
      <c r="H11" s="70"/>
      <c r="I11" s="71"/>
      <c r="J11" s="71"/>
      <c r="K11" s="71"/>
      <c r="L11" s="71"/>
      <c r="M11" s="72"/>
      <c r="N11" s="19"/>
      <c r="O11" s="20"/>
    </row>
    <row r="12" spans="2:15" s="42" customFormat="1" ht="15" customHeight="1">
      <c r="B12" s="67"/>
      <c r="C12" s="40">
        <v>91378</v>
      </c>
      <c r="D12" s="68"/>
      <c r="E12" s="71"/>
      <c r="F12" s="71"/>
      <c r="G12" s="71" t="s">
        <v>9</v>
      </c>
      <c r="H12" s="70"/>
      <c r="I12" s="71"/>
      <c r="J12" s="71"/>
      <c r="K12" s="71"/>
      <c r="L12" s="71"/>
      <c r="M12" s="72"/>
      <c r="N12" s="19"/>
      <c r="O12" s="20"/>
    </row>
    <row r="13" spans="2:15" s="42" customFormat="1" ht="15" customHeight="1">
      <c r="B13" s="67"/>
      <c r="C13" s="40">
        <v>100050</v>
      </c>
      <c r="D13" s="68"/>
      <c r="E13" s="71"/>
      <c r="F13" s="71"/>
      <c r="G13" s="71"/>
      <c r="H13" s="71" t="s">
        <v>10</v>
      </c>
      <c r="I13" s="71"/>
      <c r="J13" s="71"/>
      <c r="K13" s="71"/>
      <c r="L13" s="71"/>
      <c r="M13" s="72"/>
      <c r="N13" s="19"/>
      <c r="O13" s="20"/>
    </row>
    <row r="14" spans="2:15" s="42" customFormat="1" ht="15" customHeight="1">
      <c r="B14" s="67"/>
      <c r="C14" s="40">
        <v>100051</v>
      </c>
      <c r="D14" s="73"/>
      <c r="E14" s="74"/>
      <c r="F14" s="74"/>
      <c r="G14" s="74"/>
      <c r="H14" s="74" t="s">
        <v>11</v>
      </c>
      <c r="I14" s="74"/>
      <c r="J14" s="74"/>
      <c r="K14" s="74"/>
      <c r="L14" s="74"/>
      <c r="M14" s="72"/>
      <c r="N14" s="19"/>
      <c r="O14" s="20"/>
    </row>
    <row r="15" spans="2:15" s="42" customFormat="1" ht="15" customHeight="1">
      <c r="B15" s="67"/>
      <c r="C15" s="40">
        <v>100054</v>
      </c>
      <c r="D15" s="68"/>
      <c r="E15" s="71"/>
      <c r="F15" s="71"/>
      <c r="G15" s="71"/>
      <c r="H15" s="71" t="s">
        <v>12</v>
      </c>
      <c r="I15" s="71"/>
      <c r="J15" s="71"/>
      <c r="K15" s="71"/>
      <c r="L15" s="71"/>
      <c r="M15" s="72"/>
      <c r="N15" s="19"/>
      <c r="O15" s="20"/>
    </row>
    <row r="16" spans="2:15" s="42" customFormat="1" ht="15" customHeight="1">
      <c r="B16" s="67"/>
      <c r="C16" s="40">
        <v>91385</v>
      </c>
      <c r="D16" s="73"/>
      <c r="E16" s="74"/>
      <c r="F16" s="74"/>
      <c r="G16" s="74" t="s">
        <v>13</v>
      </c>
      <c r="H16" s="70"/>
      <c r="I16" s="74"/>
      <c r="J16" s="74"/>
      <c r="K16" s="74"/>
      <c r="L16" s="74"/>
      <c r="M16" s="72"/>
      <c r="N16" s="19"/>
      <c r="O16" s="20"/>
    </row>
    <row r="17" spans="2:15" s="42" customFormat="1" ht="15" customHeight="1">
      <c r="B17" s="67"/>
      <c r="C17" s="40">
        <v>100055</v>
      </c>
      <c r="D17" s="73"/>
      <c r="E17" s="74"/>
      <c r="F17" s="74"/>
      <c r="G17" s="74"/>
      <c r="H17" s="74" t="s">
        <v>14</v>
      </c>
      <c r="I17" s="74"/>
      <c r="J17" s="74"/>
      <c r="K17" s="74"/>
      <c r="L17" s="74"/>
      <c r="M17" s="72"/>
      <c r="N17" s="19"/>
      <c r="O17" s="20"/>
    </row>
    <row r="18" spans="2:15" s="42" customFormat="1" ht="15" customHeight="1">
      <c r="B18" s="67"/>
      <c r="C18" s="40">
        <v>100056</v>
      </c>
      <c r="D18" s="68"/>
      <c r="E18" s="71"/>
      <c r="F18" s="71"/>
      <c r="G18" s="71"/>
      <c r="H18" s="71" t="s">
        <v>15</v>
      </c>
      <c r="I18" s="71"/>
      <c r="J18" s="71"/>
      <c r="K18" s="71"/>
      <c r="L18" s="71"/>
      <c r="M18" s="72"/>
      <c r="N18" s="19"/>
      <c r="O18" s="20"/>
    </row>
    <row r="19" spans="2:15" s="42" customFormat="1" ht="15" customHeight="1">
      <c r="B19" s="67"/>
      <c r="C19" s="40">
        <v>100057</v>
      </c>
      <c r="D19" s="73"/>
      <c r="E19" s="74"/>
      <c r="F19" s="74"/>
      <c r="G19" s="74"/>
      <c r="H19" s="74" t="s">
        <v>16</v>
      </c>
      <c r="I19" s="74"/>
      <c r="J19" s="74"/>
      <c r="K19" s="74"/>
      <c r="L19" s="74"/>
      <c r="M19" s="72"/>
      <c r="N19" s="19"/>
      <c r="O19" s="20"/>
    </row>
    <row r="20" spans="2:15" s="42" customFormat="1" ht="15" customHeight="1">
      <c r="B20" s="67"/>
      <c r="C20" s="40">
        <v>52759</v>
      </c>
      <c r="D20" s="68"/>
      <c r="E20" s="71"/>
      <c r="F20" s="71" t="s">
        <v>17</v>
      </c>
      <c r="G20" s="70"/>
      <c r="H20" s="71"/>
      <c r="I20" s="71"/>
      <c r="J20" s="71"/>
      <c r="K20" s="71"/>
      <c r="L20" s="71"/>
      <c r="M20" s="72"/>
      <c r="N20" s="19"/>
      <c r="O20" s="20"/>
    </row>
    <row r="21" spans="2:15" s="42" customFormat="1" ht="15" customHeight="1">
      <c r="B21" s="67"/>
      <c r="C21" s="40">
        <v>48435</v>
      </c>
      <c r="D21" s="68"/>
      <c r="E21" s="71"/>
      <c r="F21" s="71"/>
      <c r="G21" s="71" t="s">
        <v>18</v>
      </c>
      <c r="H21" s="71"/>
      <c r="I21" s="71"/>
      <c r="J21" s="71"/>
      <c r="K21" s="71"/>
      <c r="L21" s="71"/>
      <c r="M21" s="72"/>
      <c r="N21" s="19"/>
      <c r="O21" s="20"/>
    </row>
    <row r="22" spans="2:15" s="42" customFormat="1" ht="15" customHeight="1">
      <c r="B22" s="67"/>
      <c r="C22" s="40">
        <v>156140</v>
      </c>
      <c r="D22" s="73"/>
      <c r="E22" s="74"/>
      <c r="F22" s="74"/>
      <c r="G22" s="74" t="s">
        <v>19</v>
      </c>
      <c r="H22" s="70"/>
      <c r="I22" s="74"/>
      <c r="J22" s="74"/>
      <c r="K22" s="74"/>
      <c r="L22" s="74"/>
      <c r="M22" s="72"/>
      <c r="N22" s="19"/>
      <c r="O22" s="20"/>
    </row>
    <row r="23" spans="2:15" s="42" customFormat="1" ht="15" customHeight="1">
      <c r="B23" s="67"/>
      <c r="C23" s="40">
        <v>117</v>
      </c>
      <c r="D23" s="73"/>
      <c r="E23" s="74"/>
      <c r="F23" s="74"/>
      <c r="G23" s="74"/>
      <c r="H23" s="74" t="s">
        <v>20</v>
      </c>
      <c r="I23" s="74"/>
      <c r="J23" s="74"/>
      <c r="K23" s="74"/>
      <c r="L23" s="74"/>
      <c r="M23" s="72"/>
      <c r="N23" s="19"/>
      <c r="O23" s="20"/>
    </row>
    <row r="24" spans="2:15" s="42" customFormat="1" ht="15" customHeight="1">
      <c r="B24" s="67"/>
      <c r="C24" s="40">
        <v>3287</v>
      </c>
      <c r="D24" s="68"/>
      <c r="E24" s="71"/>
      <c r="F24" s="71"/>
      <c r="G24" s="71"/>
      <c r="H24" s="71" t="s">
        <v>21</v>
      </c>
      <c r="I24" s="71"/>
      <c r="J24" s="71"/>
      <c r="K24" s="71"/>
      <c r="L24" s="71"/>
      <c r="M24" s="72"/>
      <c r="N24" s="19"/>
      <c r="O24" s="20"/>
    </row>
    <row r="25" spans="2:15" s="42" customFormat="1" ht="15" customHeight="1">
      <c r="B25" s="67"/>
      <c r="C25" s="40">
        <v>397</v>
      </c>
      <c r="D25" s="73"/>
      <c r="E25" s="74"/>
      <c r="F25" s="74"/>
      <c r="G25" s="74"/>
      <c r="H25" s="74" t="s">
        <v>22</v>
      </c>
      <c r="I25" s="70"/>
      <c r="J25" s="74"/>
      <c r="K25" s="74"/>
      <c r="L25" s="74"/>
      <c r="M25" s="72"/>
      <c r="N25" s="19"/>
      <c r="O25" s="20"/>
    </row>
    <row r="26" spans="2:15" s="42" customFormat="1" ht="15" customHeight="1">
      <c r="B26" s="67"/>
      <c r="C26" s="40">
        <v>93569</v>
      </c>
      <c r="D26" s="73"/>
      <c r="E26" s="74"/>
      <c r="F26" s="74"/>
      <c r="G26" s="74"/>
      <c r="H26" s="74"/>
      <c r="I26" s="74" t="s">
        <v>23</v>
      </c>
      <c r="J26" s="74"/>
      <c r="K26" s="74"/>
      <c r="L26" s="74"/>
      <c r="M26" s="72"/>
      <c r="N26" s="19"/>
      <c r="O26" s="20"/>
    </row>
    <row r="27" spans="2:15" s="42" customFormat="1" ht="15" customHeight="1">
      <c r="B27" s="67"/>
      <c r="C27" s="40">
        <v>1467</v>
      </c>
      <c r="D27" s="68"/>
      <c r="E27" s="71"/>
      <c r="F27" s="71"/>
      <c r="G27" s="71"/>
      <c r="H27" s="71" t="s">
        <v>24</v>
      </c>
      <c r="I27" s="71"/>
      <c r="J27" s="71"/>
      <c r="K27" s="71"/>
      <c r="L27" s="71"/>
      <c r="M27" s="72"/>
      <c r="N27" s="19"/>
      <c r="O27" s="20"/>
    </row>
    <row r="28" spans="2:15" s="42" customFormat="1" ht="15" customHeight="1">
      <c r="B28" s="67"/>
      <c r="C28" s="40">
        <v>228116</v>
      </c>
      <c r="D28" s="73"/>
      <c r="E28" s="74"/>
      <c r="F28" s="74"/>
      <c r="G28" s="74"/>
      <c r="H28" s="74" t="s">
        <v>25</v>
      </c>
      <c r="I28" s="74"/>
      <c r="J28" s="74"/>
      <c r="K28" s="74"/>
      <c r="L28" s="74"/>
      <c r="M28" s="72"/>
      <c r="N28" s="19"/>
      <c r="O28" s="20"/>
    </row>
    <row r="29" spans="2:15" s="42" customFormat="1" ht="15" customHeight="1">
      <c r="B29" s="67"/>
      <c r="C29" s="40">
        <v>156143</v>
      </c>
      <c r="D29" s="68"/>
      <c r="E29" s="71"/>
      <c r="F29" s="71"/>
      <c r="G29" s="71" t="s">
        <v>26</v>
      </c>
      <c r="H29" s="70"/>
      <c r="I29" s="71"/>
      <c r="J29" s="71"/>
      <c r="K29" s="71"/>
      <c r="L29" s="71"/>
      <c r="M29" s="72"/>
      <c r="N29" s="19"/>
      <c r="O29" s="20"/>
    </row>
    <row r="30" spans="2:15" s="42" customFormat="1" ht="15" customHeight="1">
      <c r="B30" s="67"/>
      <c r="C30" s="40">
        <v>2331</v>
      </c>
      <c r="D30" s="68"/>
      <c r="E30" s="71"/>
      <c r="F30" s="71"/>
      <c r="G30" s="71"/>
      <c r="H30" s="71" t="s">
        <v>27</v>
      </c>
      <c r="I30" s="71"/>
      <c r="J30" s="71"/>
      <c r="K30" s="71"/>
      <c r="L30" s="71"/>
      <c r="M30" s="72"/>
      <c r="N30" s="19"/>
      <c r="O30" s="20"/>
    </row>
    <row r="31" spans="2:15" s="42" customFormat="1" ht="15" customHeight="1">
      <c r="B31" s="67"/>
      <c r="C31" s="40">
        <v>820</v>
      </c>
      <c r="D31" s="73"/>
      <c r="E31" s="74"/>
      <c r="F31" s="74"/>
      <c r="G31" s="74"/>
      <c r="H31" s="74" t="s">
        <v>28</v>
      </c>
      <c r="I31" s="74"/>
      <c r="J31" s="74"/>
      <c r="K31" s="74"/>
      <c r="L31" s="74"/>
      <c r="M31" s="72"/>
      <c r="N31" s="19"/>
      <c r="O31" s="20"/>
    </row>
    <row r="32" spans="2:15" s="42" customFormat="1" ht="15" customHeight="1">
      <c r="B32" s="67"/>
      <c r="C32" s="40">
        <v>767</v>
      </c>
      <c r="D32" s="68"/>
      <c r="E32" s="71"/>
      <c r="F32" s="71"/>
      <c r="G32" s="71"/>
      <c r="H32" s="71" t="s">
        <v>29</v>
      </c>
      <c r="I32" s="70"/>
      <c r="J32" s="71"/>
      <c r="K32" s="71"/>
      <c r="L32" s="71"/>
      <c r="M32" s="72"/>
      <c r="N32" s="19"/>
      <c r="O32" s="20"/>
    </row>
    <row r="33" spans="2:15" s="42" customFormat="1" ht="15" customHeight="1">
      <c r="B33" s="67"/>
      <c r="C33" s="40">
        <v>93564</v>
      </c>
      <c r="D33" s="68"/>
      <c r="E33" s="71"/>
      <c r="F33" s="71"/>
      <c r="G33" s="71"/>
      <c r="H33" s="71"/>
      <c r="I33" s="71" t="s">
        <v>30</v>
      </c>
      <c r="J33" s="71"/>
      <c r="K33" s="71"/>
      <c r="L33" s="71"/>
      <c r="M33" s="72"/>
      <c r="N33" s="19"/>
      <c r="O33" s="20"/>
    </row>
    <row r="34" spans="2:15" s="42" customFormat="1" ht="15" customHeight="1">
      <c r="B34" s="67"/>
      <c r="C34" s="40">
        <v>36258</v>
      </c>
      <c r="D34" s="73"/>
      <c r="E34" s="74"/>
      <c r="F34" s="74"/>
      <c r="G34" s="74"/>
      <c r="H34" s="74" t="s">
        <v>31</v>
      </c>
      <c r="I34" s="74"/>
      <c r="J34" s="74"/>
      <c r="K34" s="74"/>
      <c r="L34" s="74"/>
      <c r="M34" s="72"/>
      <c r="N34" s="19"/>
      <c r="O34" s="20"/>
    </row>
    <row r="35" spans="2:15" s="42" customFormat="1" ht="15" customHeight="1">
      <c r="B35" s="67"/>
      <c r="C35" s="40">
        <v>140989</v>
      </c>
      <c r="D35" s="68"/>
      <c r="E35" s="71"/>
      <c r="F35" s="71"/>
      <c r="G35" s="71"/>
      <c r="H35" s="71" t="s">
        <v>32</v>
      </c>
      <c r="I35" s="71"/>
      <c r="J35" s="71"/>
      <c r="K35" s="71"/>
      <c r="L35" s="71"/>
      <c r="M35" s="72"/>
      <c r="N35" s="19"/>
      <c r="O35" s="20"/>
    </row>
    <row r="36" spans="2:15" s="42" customFormat="1" ht="15" customHeight="1">
      <c r="B36" s="67"/>
      <c r="C36" s="40">
        <v>156146</v>
      </c>
      <c r="D36" s="73"/>
      <c r="E36" s="74"/>
      <c r="F36" s="74"/>
      <c r="G36" s="74" t="s">
        <v>33</v>
      </c>
      <c r="H36" s="70"/>
      <c r="I36" s="70"/>
      <c r="J36" s="74"/>
      <c r="K36" s="74"/>
      <c r="L36" s="74"/>
      <c r="M36" s="72"/>
      <c r="N36" s="19"/>
      <c r="O36" s="20"/>
    </row>
    <row r="37" spans="2:15" s="42" customFormat="1" ht="15" customHeight="1">
      <c r="B37" s="67"/>
      <c r="C37" s="40">
        <v>156149</v>
      </c>
      <c r="D37" s="73"/>
      <c r="E37" s="74"/>
      <c r="F37" s="74"/>
      <c r="G37" s="74"/>
      <c r="H37" s="74" t="s">
        <v>34</v>
      </c>
      <c r="I37" s="70"/>
      <c r="J37" s="74"/>
      <c r="K37" s="74"/>
      <c r="L37" s="74"/>
      <c r="M37" s="72"/>
      <c r="N37" s="19"/>
      <c r="O37" s="20"/>
    </row>
    <row r="38" spans="2:15" s="42" customFormat="1" ht="15" customHeight="1">
      <c r="B38" s="67"/>
      <c r="C38" s="40">
        <v>761</v>
      </c>
      <c r="D38" s="73"/>
      <c r="E38" s="74"/>
      <c r="F38" s="74"/>
      <c r="G38" s="74"/>
      <c r="H38" s="74"/>
      <c r="I38" s="74" t="s">
        <v>35</v>
      </c>
      <c r="J38" s="74"/>
      <c r="K38" s="74"/>
      <c r="L38" s="74"/>
      <c r="M38" s="72"/>
      <c r="N38" s="19"/>
      <c r="O38" s="20"/>
    </row>
    <row r="39" spans="2:15" s="42" customFormat="1" ht="15" customHeight="1">
      <c r="B39" s="67"/>
      <c r="C39" s="40">
        <v>779</v>
      </c>
      <c r="D39" s="68"/>
      <c r="E39" s="71"/>
      <c r="F39" s="71"/>
      <c r="G39" s="71"/>
      <c r="H39" s="71"/>
      <c r="I39" s="71" t="s">
        <v>36</v>
      </c>
      <c r="J39" s="71"/>
      <c r="K39" s="71"/>
      <c r="L39" s="71"/>
      <c r="M39" s="72"/>
      <c r="N39" s="19"/>
      <c r="O39" s="20"/>
    </row>
    <row r="40" spans="2:15" s="42" customFormat="1" ht="15" customHeight="1">
      <c r="B40" s="67"/>
      <c r="C40" s="40">
        <v>889</v>
      </c>
      <c r="D40" s="73"/>
      <c r="E40" s="74"/>
      <c r="F40" s="74"/>
      <c r="G40" s="74"/>
      <c r="H40" s="74"/>
      <c r="I40" s="74" t="s">
        <v>37</v>
      </c>
      <c r="J40" s="74"/>
      <c r="K40" s="74"/>
      <c r="L40" s="74"/>
      <c r="M40" s="72"/>
      <c r="N40" s="19"/>
      <c r="O40" s="20"/>
    </row>
    <row r="41" spans="2:15" s="42" customFormat="1" ht="15" customHeight="1">
      <c r="B41" s="67"/>
      <c r="C41" s="40">
        <v>838</v>
      </c>
      <c r="D41" s="68"/>
      <c r="E41" s="71"/>
      <c r="F41" s="71"/>
      <c r="G41" s="71"/>
      <c r="H41" s="71"/>
      <c r="I41" s="71" t="s">
        <v>38</v>
      </c>
      <c r="J41" s="71"/>
      <c r="K41" s="71"/>
      <c r="L41" s="71"/>
      <c r="M41" s="72"/>
      <c r="N41" s="19"/>
      <c r="O41" s="20"/>
    </row>
    <row r="42" spans="2:15" s="42" customFormat="1" ht="15" customHeight="1">
      <c r="B42" s="67"/>
      <c r="C42" s="40">
        <v>36412</v>
      </c>
      <c r="D42" s="73"/>
      <c r="E42" s="74"/>
      <c r="F42" s="74"/>
      <c r="G42" s="74"/>
      <c r="H42" s="74"/>
      <c r="I42" s="74" t="s">
        <v>39</v>
      </c>
      <c r="J42" s="74"/>
      <c r="K42" s="74"/>
      <c r="L42" s="74"/>
      <c r="M42" s="72"/>
      <c r="N42" s="19"/>
      <c r="O42" s="20"/>
    </row>
    <row r="43" spans="2:15" s="42" customFormat="1" ht="15" customHeight="1">
      <c r="B43" s="67"/>
      <c r="C43" s="40">
        <v>90000</v>
      </c>
      <c r="D43" s="68"/>
      <c r="E43" s="71"/>
      <c r="F43" s="71"/>
      <c r="G43" s="71"/>
      <c r="H43" s="71"/>
      <c r="I43" s="71" t="s">
        <v>40</v>
      </c>
      <c r="J43" s="71"/>
      <c r="K43" s="71"/>
      <c r="L43" s="71"/>
      <c r="M43" s="72"/>
      <c r="N43" s="19"/>
      <c r="O43" s="20"/>
    </row>
    <row r="44" spans="2:15" s="42" customFormat="1" ht="15" customHeight="1">
      <c r="B44" s="67"/>
      <c r="C44" s="40">
        <v>91138</v>
      </c>
      <c r="D44" s="73"/>
      <c r="E44" s="74"/>
      <c r="F44" s="74"/>
      <c r="G44" s="74"/>
      <c r="H44" s="74"/>
      <c r="I44" s="74" t="s">
        <v>41</v>
      </c>
      <c r="J44" s="70"/>
      <c r="K44" s="74"/>
      <c r="L44" s="74"/>
      <c r="M44" s="72"/>
      <c r="N44" s="19"/>
      <c r="O44" s="20"/>
    </row>
    <row r="45" spans="2:15" s="42" customFormat="1" ht="15" customHeight="1">
      <c r="B45" s="67"/>
      <c r="C45" s="40">
        <v>93554</v>
      </c>
      <c r="D45" s="73"/>
      <c r="E45" s="74"/>
      <c r="F45" s="74"/>
      <c r="G45" s="74"/>
      <c r="H45" s="74"/>
      <c r="I45" s="74"/>
      <c r="J45" s="74" t="s">
        <v>42</v>
      </c>
      <c r="K45" s="74"/>
      <c r="L45" s="74"/>
      <c r="M45" s="72"/>
      <c r="N45" s="19"/>
      <c r="O45" s="20"/>
    </row>
    <row r="46" spans="2:15" s="42" customFormat="1" ht="15" customHeight="1">
      <c r="B46" s="67"/>
      <c r="C46" s="40">
        <v>93555</v>
      </c>
      <c r="D46" s="68"/>
      <c r="E46" s="71"/>
      <c r="F46" s="71"/>
      <c r="G46" s="71"/>
      <c r="H46" s="71"/>
      <c r="I46" s="71"/>
      <c r="J46" s="71" t="s">
        <v>43</v>
      </c>
      <c r="K46" s="71"/>
      <c r="L46" s="71"/>
      <c r="M46" s="72"/>
      <c r="N46" s="19"/>
      <c r="O46" s="20"/>
    </row>
    <row r="47" spans="2:15" s="42" customFormat="1" ht="15" customHeight="1">
      <c r="B47" s="67"/>
      <c r="C47" s="40">
        <v>156152</v>
      </c>
      <c r="D47" s="73"/>
      <c r="E47" s="74"/>
      <c r="F47" s="74"/>
      <c r="G47" s="74"/>
      <c r="H47" s="74" t="s">
        <v>44</v>
      </c>
      <c r="I47" s="70"/>
      <c r="J47" s="74"/>
      <c r="K47" s="74"/>
      <c r="L47" s="74"/>
      <c r="M47" s="72"/>
      <c r="N47" s="19"/>
      <c r="O47" s="20"/>
    </row>
    <row r="48" spans="2:15" s="42" customFormat="1" ht="15" customHeight="1">
      <c r="B48" s="67"/>
      <c r="C48" s="40">
        <v>183</v>
      </c>
      <c r="D48" s="73"/>
      <c r="E48" s="74"/>
      <c r="F48" s="74"/>
      <c r="G48" s="74"/>
      <c r="H48" s="74"/>
      <c r="I48" s="74" t="s">
        <v>45</v>
      </c>
      <c r="J48" s="74"/>
      <c r="K48" s="74"/>
      <c r="L48" s="74"/>
      <c r="M48" s="72"/>
      <c r="N48" s="19"/>
      <c r="O48" s="20"/>
    </row>
    <row r="49" spans="2:15" s="42" customFormat="1" ht="15" customHeight="1">
      <c r="B49" s="67"/>
      <c r="C49" s="40">
        <v>727</v>
      </c>
      <c r="D49" s="68"/>
      <c r="E49" s="71"/>
      <c r="F49" s="71"/>
      <c r="G49" s="71"/>
      <c r="H49" s="71"/>
      <c r="I49" s="71" t="s">
        <v>46</v>
      </c>
      <c r="J49" s="71"/>
      <c r="K49" s="71"/>
      <c r="L49" s="71"/>
      <c r="M49" s="72"/>
      <c r="N49" s="19"/>
      <c r="O49" s="20"/>
    </row>
    <row r="50" spans="2:15" s="42" customFormat="1" ht="15" customHeight="1">
      <c r="B50" s="67"/>
      <c r="C50" s="40">
        <v>900</v>
      </c>
      <c r="D50" s="73"/>
      <c r="E50" s="74"/>
      <c r="F50" s="74"/>
      <c r="G50" s="74"/>
      <c r="H50" s="74"/>
      <c r="I50" s="74" t="s">
        <v>47</v>
      </c>
      <c r="J50" s="74"/>
      <c r="K50" s="74"/>
      <c r="L50" s="74"/>
      <c r="M50" s="72"/>
      <c r="N50" s="19"/>
      <c r="O50" s="20"/>
    </row>
    <row r="51" spans="2:15" s="42" customFormat="1" ht="15" customHeight="1">
      <c r="B51" s="67"/>
      <c r="C51" s="40">
        <v>251325</v>
      </c>
      <c r="D51" s="68"/>
      <c r="E51" s="71"/>
      <c r="F51" s="71"/>
      <c r="G51" s="71" t="s">
        <v>48</v>
      </c>
      <c r="H51" s="71"/>
      <c r="I51" s="71"/>
      <c r="J51" s="71"/>
      <c r="K51" s="71"/>
      <c r="L51" s="71"/>
      <c r="M51" s="72"/>
      <c r="N51" s="19"/>
      <c r="O51" s="20"/>
    </row>
    <row r="52" spans="2:15" s="42" customFormat="1" ht="15" customHeight="1">
      <c r="B52" s="67"/>
      <c r="C52" s="40">
        <v>251328</v>
      </c>
      <c r="D52" s="73"/>
      <c r="E52" s="74"/>
      <c r="F52" s="74"/>
      <c r="G52" s="74" t="s">
        <v>49</v>
      </c>
      <c r="H52" s="74"/>
      <c r="I52" s="74"/>
      <c r="J52" s="74"/>
      <c r="K52" s="74"/>
      <c r="L52" s="74"/>
      <c r="M52" s="72"/>
      <c r="N52" s="19"/>
      <c r="O52" s="20"/>
    </row>
    <row r="53" spans="2:15" s="42" customFormat="1" ht="15" customHeight="1">
      <c r="B53" s="67"/>
      <c r="C53" s="40">
        <v>182222</v>
      </c>
      <c r="D53" s="68"/>
      <c r="E53" s="71"/>
      <c r="F53" s="71" t="s">
        <v>50</v>
      </c>
      <c r="G53" s="70"/>
      <c r="H53" s="71"/>
      <c r="I53" s="71"/>
      <c r="J53" s="71"/>
      <c r="K53" s="71"/>
      <c r="L53" s="71"/>
      <c r="M53" s="72"/>
      <c r="N53" s="19"/>
      <c r="O53" s="20"/>
    </row>
    <row r="54" spans="2:15" s="42" customFormat="1" ht="15" customHeight="1">
      <c r="B54" s="67"/>
      <c r="C54" s="40">
        <v>3099</v>
      </c>
      <c r="D54" s="68"/>
      <c r="E54" s="71"/>
      <c r="F54" s="71"/>
      <c r="G54" s="71" t="s">
        <v>51</v>
      </c>
      <c r="H54" s="71"/>
      <c r="I54" s="71"/>
      <c r="J54" s="71"/>
      <c r="K54" s="71"/>
      <c r="L54" s="71"/>
      <c r="M54" s="72"/>
      <c r="N54" s="19"/>
      <c r="O54" s="20"/>
    </row>
    <row r="55" spans="2:15" s="42" customFormat="1" ht="15" customHeight="1">
      <c r="B55" s="67"/>
      <c r="C55" s="40">
        <v>774</v>
      </c>
      <c r="D55" s="73"/>
      <c r="E55" s="74"/>
      <c r="F55" s="74"/>
      <c r="G55" s="74" t="s">
        <v>52</v>
      </c>
      <c r="H55" s="74"/>
      <c r="I55" s="74"/>
      <c r="J55" s="74"/>
      <c r="K55" s="74"/>
      <c r="L55" s="74"/>
      <c r="M55" s="72"/>
      <c r="N55" s="19"/>
      <c r="O55" s="20"/>
    </row>
    <row r="56" spans="2:15" s="42" customFormat="1" ht="15" customHeight="1">
      <c r="B56" s="67"/>
      <c r="C56" s="40">
        <v>69</v>
      </c>
      <c r="D56" s="68"/>
      <c r="E56" s="71"/>
      <c r="F56" s="71"/>
      <c r="G56" s="71" t="s">
        <v>53</v>
      </c>
      <c r="H56" s="70"/>
      <c r="I56" s="70"/>
      <c r="J56" s="71"/>
      <c r="K56" s="71"/>
      <c r="L56" s="71"/>
      <c r="M56" s="72"/>
      <c r="N56" s="19"/>
      <c r="O56" s="20"/>
    </row>
    <row r="57" spans="2:15" s="42" customFormat="1" ht="15" customHeight="1">
      <c r="B57" s="67"/>
      <c r="C57" s="40">
        <v>85443</v>
      </c>
      <c r="D57" s="68"/>
      <c r="E57" s="71"/>
      <c r="F57" s="71"/>
      <c r="G57" s="71"/>
      <c r="H57" s="71" t="s">
        <v>54</v>
      </c>
      <c r="I57" s="70"/>
      <c r="J57" s="71"/>
      <c r="K57" s="71"/>
      <c r="L57" s="71"/>
      <c r="M57" s="72"/>
      <c r="N57" s="19"/>
      <c r="O57" s="20"/>
    </row>
    <row r="58" spans="2:15" s="42" customFormat="1" ht="15" customHeight="1">
      <c r="B58" s="67"/>
      <c r="C58" s="40">
        <v>314701</v>
      </c>
      <c r="D58" s="68"/>
      <c r="E58" s="71"/>
      <c r="F58" s="71"/>
      <c r="G58" s="71"/>
      <c r="H58" s="71"/>
      <c r="I58" s="71" t="s">
        <v>55</v>
      </c>
      <c r="J58" s="71"/>
      <c r="K58" s="71"/>
      <c r="L58" s="71"/>
      <c r="M58" s="72"/>
      <c r="N58" s="19"/>
      <c r="O58" s="20"/>
    </row>
    <row r="59" spans="2:15" s="42" customFormat="1" ht="15" customHeight="1">
      <c r="B59" s="67"/>
      <c r="C59" s="40">
        <v>314709</v>
      </c>
      <c r="D59" s="73"/>
      <c r="E59" s="74"/>
      <c r="F59" s="74"/>
      <c r="G59" s="74"/>
      <c r="H59" s="74"/>
      <c r="I59" s="74" t="s">
        <v>56</v>
      </c>
      <c r="J59" s="74"/>
      <c r="K59" s="74"/>
      <c r="L59" s="74"/>
      <c r="M59" s="72"/>
      <c r="N59" s="19"/>
      <c r="O59" s="20"/>
    </row>
    <row r="60" spans="2:15" s="42" customFormat="1" ht="15" customHeight="1">
      <c r="B60" s="67"/>
      <c r="C60" s="40">
        <v>85445</v>
      </c>
      <c r="D60" s="68"/>
      <c r="E60" s="71"/>
      <c r="F60" s="71"/>
      <c r="G60" s="71"/>
      <c r="H60" s="71" t="s">
        <v>57</v>
      </c>
      <c r="I60" s="71"/>
      <c r="J60" s="71"/>
      <c r="K60" s="71"/>
      <c r="L60" s="71"/>
      <c r="M60" s="72"/>
      <c r="N60" s="19"/>
      <c r="O60" s="20"/>
    </row>
    <row r="61" spans="2:15" s="42" customFormat="1" ht="15" customHeight="1">
      <c r="B61" s="67"/>
      <c r="C61" s="40">
        <v>85446</v>
      </c>
      <c r="D61" s="73"/>
      <c r="E61" s="74"/>
      <c r="F61" s="74"/>
      <c r="G61" s="74"/>
      <c r="H61" s="74" t="s">
        <v>58</v>
      </c>
      <c r="I61" s="74"/>
      <c r="J61" s="74"/>
      <c r="K61" s="74"/>
      <c r="L61" s="74"/>
      <c r="M61" s="72"/>
      <c r="N61" s="19"/>
      <c r="O61" s="20"/>
    </row>
    <row r="62" spans="2:15" s="42" customFormat="1" ht="15" customHeight="1">
      <c r="B62" s="67"/>
      <c r="C62" s="40">
        <v>85448</v>
      </c>
      <c r="D62" s="68"/>
      <c r="E62" s="71"/>
      <c r="F62" s="71"/>
      <c r="G62" s="71"/>
      <c r="H62" s="71" t="s">
        <v>59</v>
      </c>
      <c r="I62" s="71"/>
      <c r="J62" s="71"/>
      <c r="K62" s="71"/>
      <c r="L62" s="71"/>
      <c r="M62" s="72"/>
      <c r="N62" s="19"/>
      <c r="O62" s="20"/>
    </row>
    <row r="63" spans="2:15" s="42" customFormat="1" ht="15" customHeight="1">
      <c r="B63" s="67"/>
      <c r="C63" s="40">
        <v>85450</v>
      </c>
      <c r="D63" s="73"/>
      <c r="E63" s="74"/>
      <c r="F63" s="74"/>
      <c r="G63" s="74"/>
      <c r="H63" s="74" t="s">
        <v>60</v>
      </c>
      <c r="I63" s="74"/>
      <c r="J63" s="74"/>
      <c r="K63" s="74"/>
      <c r="L63" s="74"/>
      <c r="M63" s="72"/>
      <c r="N63" s="19"/>
      <c r="O63" s="20"/>
    </row>
    <row r="64" spans="2:15" s="42" customFormat="1" ht="15" customHeight="1">
      <c r="B64" s="67"/>
      <c r="C64" s="40">
        <v>271861</v>
      </c>
      <c r="D64" s="68"/>
      <c r="E64" s="71"/>
      <c r="F64" s="71"/>
      <c r="G64" s="71"/>
      <c r="H64" s="71" t="s">
        <v>61</v>
      </c>
      <c r="I64" s="70"/>
      <c r="J64" s="71"/>
      <c r="K64" s="71"/>
      <c r="L64" s="71"/>
      <c r="M64" s="72"/>
      <c r="N64" s="19"/>
      <c r="O64" s="20"/>
    </row>
    <row r="65" spans="2:15" s="42" customFormat="1" ht="15" customHeight="1">
      <c r="B65" s="67"/>
      <c r="C65" s="40">
        <v>85447</v>
      </c>
      <c r="D65" s="68"/>
      <c r="E65" s="71"/>
      <c r="F65" s="71"/>
      <c r="G65" s="71"/>
      <c r="H65" s="71"/>
      <c r="I65" s="71" t="s">
        <v>62</v>
      </c>
      <c r="J65" s="71"/>
      <c r="K65" s="71"/>
      <c r="L65" s="71"/>
      <c r="M65" s="72"/>
      <c r="N65" s="19"/>
      <c r="O65" s="20"/>
    </row>
    <row r="66" spans="2:15" s="42" customFormat="1" ht="15" customHeight="1">
      <c r="B66" s="67"/>
      <c r="C66" s="40">
        <v>85451</v>
      </c>
      <c r="D66" s="73"/>
      <c r="E66" s="74"/>
      <c r="F66" s="74"/>
      <c r="G66" s="74"/>
      <c r="H66" s="74"/>
      <c r="I66" s="74" t="s">
        <v>63</v>
      </c>
      <c r="J66" s="74"/>
      <c r="K66" s="74"/>
      <c r="L66" s="74"/>
      <c r="M66" s="72"/>
      <c r="N66" s="19"/>
      <c r="O66" s="20"/>
    </row>
    <row r="67" spans="2:15" s="42" customFormat="1" ht="15" customHeight="1">
      <c r="B67" s="67"/>
      <c r="C67" s="40">
        <v>314652</v>
      </c>
      <c r="D67" s="68"/>
      <c r="E67" s="71"/>
      <c r="F67" s="71"/>
      <c r="G67" s="71"/>
      <c r="H67" s="71" t="s">
        <v>64</v>
      </c>
      <c r="I67" s="71"/>
      <c r="J67" s="71"/>
      <c r="K67" s="71"/>
      <c r="L67" s="71"/>
      <c r="M67" s="72"/>
      <c r="N67" s="19"/>
      <c r="O67" s="20"/>
    </row>
    <row r="68" spans="2:15" s="42" customFormat="1" ht="15" customHeight="1">
      <c r="B68" s="67"/>
      <c r="C68" s="40">
        <v>797</v>
      </c>
      <c r="D68" s="73"/>
      <c r="E68" s="74"/>
      <c r="F68" s="74"/>
      <c r="G68" s="74" t="s">
        <v>65</v>
      </c>
      <c r="H68" s="74"/>
      <c r="I68" s="74"/>
      <c r="J68" s="74"/>
      <c r="K68" s="74"/>
      <c r="L68" s="74"/>
      <c r="M68" s="72"/>
      <c r="N68" s="19"/>
      <c r="O68" s="20"/>
    </row>
    <row r="69" spans="2:15" s="42" customFormat="1" ht="15" customHeight="1">
      <c r="B69" s="67"/>
      <c r="C69" s="40">
        <v>3165</v>
      </c>
      <c r="D69" s="68"/>
      <c r="E69" s="71"/>
      <c r="F69" s="71"/>
      <c r="G69" s="71" t="s">
        <v>66</v>
      </c>
      <c r="H69" s="71"/>
      <c r="I69" s="71"/>
      <c r="J69" s="71"/>
      <c r="K69" s="71"/>
      <c r="L69" s="71"/>
      <c r="M69" s="72"/>
      <c r="N69" s="19"/>
      <c r="O69" s="20"/>
    </row>
    <row r="70" spans="2:15" s="42" customFormat="1" ht="15" customHeight="1">
      <c r="B70" s="67"/>
      <c r="C70" s="40">
        <v>3018</v>
      </c>
      <c r="D70" s="73"/>
      <c r="E70" s="74"/>
      <c r="F70" s="74"/>
      <c r="G70" s="74" t="s">
        <v>67</v>
      </c>
      <c r="H70" s="74"/>
      <c r="I70" s="74"/>
      <c r="J70" s="74"/>
      <c r="K70" s="74"/>
      <c r="L70" s="74"/>
      <c r="M70" s="72"/>
      <c r="N70" s="19"/>
      <c r="O70" s="20"/>
    </row>
    <row r="71" spans="2:15" s="42" customFormat="1" ht="15" customHeight="1">
      <c r="B71" s="67"/>
      <c r="C71" s="40">
        <v>2582</v>
      </c>
      <c r="D71" s="68"/>
      <c r="E71" s="71"/>
      <c r="F71" s="71"/>
      <c r="G71" s="71" t="s">
        <v>68</v>
      </c>
      <c r="H71" s="71"/>
      <c r="I71" s="71"/>
      <c r="J71" s="71"/>
      <c r="K71" s="71"/>
      <c r="L71" s="71"/>
      <c r="M71" s="72"/>
      <c r="N71" s="19"/>
      <c r="O71" s="20"/>
    </row>
    <row r="72" spans="2:15" s="42" customFormat="1" ht="15" customHeight="1">
      <c r="B72" s="67"/>
      <c r="C72" s="40">
        <v>3096</v>
      </c>
      <c r="D72" s="73"/>
      <c r="E72" s="74"/>
      <c r="F72" s="74"/>
      <c r="G72" s="74" t="s">
        <v>69</v>
      </c>
      <c r="H72" s="74"/>
      <c r="I72" s="74"/>
      <c r="J72" s="74"/>
      <c r="K72" s="74"/>
      <c r="L72" s="74"/>
      <c r="M72" s="72"/>
      <c r="N72" s="19"/>
      <c r="O72" s="20"/>
    </row>
    <row r="73" spans="2:15" s="42" customFormat="1" ht="15" customHeight="1">
      <c r="B73" s="67"/>
      <c r="C73" s="40">
        <v>764</v>
      </c>
      <c r="D73" s="68"/>
      <c r="E73" s="71"/>
      <c r="F73" s="71"/>
      <c r="G73" s="71" t="s">
        <v>70</v>
      </c>
      <c r="H73" s="71"/>
      <c r="I73" s="71"/>
      <c r="J73" s="71"/>
      <c r="K73" s="71"/>
      <c r="L73" s="71"/>
      <c r="M73" s="72"/>
      <c r="N73" s="19"/>
      <c r="O73" s="20"/>
    </row>
    <row r="74" spans="2:15" s="42" customFormat="1" ht="15" customHeight="1">
      <c r="B74" s="67"/>
      <c r="C74" s="40">
        <v>482</v>
      </c>
      <c r="D74" s="73"/>
      <c r="E74" s="74"/>
      <c r="F74" s="74"/>
      <c r="G74" s="74" t="s">
        <v>71</v>
      </c>
      <c r="H74" s="74"/>
      <c r="I74" s="74"/>
      <c r="J74" s="74"/>
      <c r="K74" s="74"/>
      <c r="L74" s="74"/>
      <c r="M74" s="72"/>
      <c r="N74" s="19"/>
      <c r="O74" s="20"/>
    </row>
    <row r="75" spans="2:15" s="42" customFormat="1" ht="15" customHeight="1">
      <c r="B75" s="67"/>
      <c r="C75" s="40">
        <v>188</v>
      </c>
      <c r="D75" s="68"/>
      <c r="E75" s="71"/>
      <c r="F75" s="71"/>
      <c r="G75" s="71" t="s">
        <v>72</v>
      </c>
      <c r="H75" s="71"/>
      <c r="I75" s="71"/>
      <c r="J75" s="71"/>
      <c r="K75" s="71"/>
      <c r="L75" s="71"/>
      <c r="M75" s="72"/>
      <c r="N75" s="19"/>
      <c r="O75" s="20"/>
    </row>
    <row r="76" spans="2:15" s="42" customFormat="1" ht="15" customHeight="1">
      <c r="B76" s="67"/>
      <c r="C76" s="40">
        <v>722</v>
      </c>
      <c r="D76" s="73"/>
      <c r="E76" s="74"/>
      <c r="F76" s="74"/>
      <c r="G76" s="74" t="s">
        <v>73</v>
      </c>
      <c r="H76" s="74"/>
      <c r="I76" s="74"/>
      <c r="J76" s="74"/>
      <c r="K76" s="74"/>
      <c r="L76" s="74"/>
      <c r="M76" s="72"/>
      <c r="N76" s="19"/>
      <c r="O76" s="20"/>
    </row>
    <row r="77" spans="2:15" s="42" customFormat="1" ht="15" customHeight="1">
      <c r="B77" s="67"/>
      <c r="C77" s="40">
        <v>50918</v>
      </c>
      <c r="D77" s="68"/>
      <c r="E77" s="71"/>
      <c r="F77" s="71"/>
      <c r="G77" s="71" t="s">
        <v>74</v>
      </c>
      <c r="H77" s="71"/>
      <c r="I77" s="71"/>
      <c r="J77" s="71"/>
      <c r="K77" s="71"/>
      <c r="L77" s="71"/>
      <c r="M77" s="72"/>
      <c r="N77" s="19"/>
      <c r="O77" s="20"/>
    </row>
    <row r="78" spans="2:15" s="42" customFormat="1" ht="15" customHeight="1">
      <c r="B78" s="67"/>
      <c r="C78" s="40">
        <v>85453</v>
      </c>
      <c r="D78" s="73"/>
      <c r="E78" s="74"/>
      <c r="F78" s="74"/>
      <c r="G78" s="74" t="s">
        <v>75</v>
      </c>
      <c r="H78" s="74"/>
      <c r="I78" s="74"/>
      <c r="J78" s="74"/>
      <c r="K78" s="74"/>
      <c r="L78" s="74"/>
      <c r="M78" s="72"/>
      <c r="N78" s="19"/>
      <c r="O78" s="20"/>
    </row>
    <row r="79" spans="2:15" s="42" customFormat="1" ht="15" customHeight="1">
      <c r="B79" s="67"/>
      <c r="C79" s="40">
        <v>98249</v>
      </c>
      <c r="D79" s="68"/>
      <c r="E79" s="71"/>
      <c r="F79" s="71"/>
      <c r="G79" s="71" t="s">
        <v>76</v>
      </c>
      <c r="H79" s="70"/>
      <c r="I79" s="70"/>
      <c r="J79" s="71"/>
      <c r="K79" s="71"/>
      <c r="L79" s="71"/>
      <c r="M79" s="72"/>
      <c r="N79" s="19"/>
      <c r="O79" s="20"/>
    </row>
    <row r="80" spans="2:15" s="42" customFormat="1" ht="15" customHeight="1">
      <c r="B80" s="75"/>
      <c r="C80" s="40">
        <v>287</v>
      </c>
      <c r="D80" s="68"/>
      <c r="E80" s="71"/>
      <c r="F80" s="71"/>
      <c r="G80" s="71"/>
      <c r="H80" s="71" t="s">
        <v>77</v>
      </c>
      <c r="I80" s="70"/>
      <c r="J80" s="71"/>
      <c r="K80" s="71"/>
      <c r="L80" s="71"/>
      <c r="M80" s="72"/>
      <c r="N80" s="19"/>
      <c r="O80" s="20"/>
    </row>
    <row r="81" spans="2:15" s="42" customFormat="1" ht="15" customHeight="1">
      <c r="B81" s="67"/>
      <c r="C81" s="40">
        <v>90309</v>
      </c>
      <c r="D81" s="68"/>
      <c r="E81" s="71"/>
      <c r="F81" s="71"/>
      <c r="G81" s="71"/>
      <c r="H81" s="71"/>
      <c r="I81" s="71" t="s">
        <v>78</v>
      </c>
      <c r="J81" s="71"/>
      <c r="K81" s="71"/>
      <c r="L81" s="71"/>
      <c r="M81" s="72"/>
      <c r="N81" s="19"/>
      <c r="O81" s="20"/>
    </row>
    <row r="82" spans="2:15" s="42" customFormat="1" ht="15" customHeight="1">
      <c r="B82" s="67"/>
      <c r="C82" s="40">
        <v>90318</v>
      </c>
      <c r="D82" s="73"/>
      <c r="E82" s="74"/>
      <c r="F82" s="74"/>
      <c r="G82" s="74"/>
      <c r="H82" s="74"/>
      <c r="I82" s="74" t="s">
        <v>79</v>
      </c>
      <c r="J82" s="74"/>
      <c r="K82" s="74"/>
      <c r="L82" s="74"/>
      <c r="M82" s="72"/>
      <c r="N82" s="19"/>
      <c r="O82" s="20"/>
    </row>
    <row r="83" spans="2:15" s="42" customFormat="1" ht="15" customHeight="1">
      <c r="B83" s="67"/>
      <c r="C83" s="40">
        <v>2295</v>
      </c>
      <c r="D83" s="68"/>
      <c r="E83" s="71"/>
      <c r="F83" s="71"/>
      <c r="G83" s="71"/>
      <c r="H83" s="71" t="s">
        <v>80</v>
      </c>
      <c r="I83" s="71"/>
      <c r="J83" s="71"/>
      <c r="K83" s="71"/>
      <c r="L83" s="71"/>
      <c r="M83" s="72"/>
      <c r="N83" s="19"/>
      <c r="O83" s="20"/>
    </row>
    <row r="84" spans="2:15" s="42" customFormat="1" ht="15" customHeight="1">
      <c r="B84" s="75"/>
      <c r="C84" s="40">
        <v>2953</v>
      </c>
      <c r="D84" s="73"/>
      <c r="E84" s="74"/>
      <c r="F84" s="74"/>
      <c r="G84" s="74"/>
      <c r="H84" s="74" t="s">
        <v>81</v>
      </c>
      <c r="I84" s="74"/>
      <c r="J84" s="74"/>
      <c r="K84" s="74"/>
      <c r="L84" s="74"/>
      <c r="M84" s="72"/>
      <c r="N84" s="19"/>
      <c r="O84" s="20"/>
    </row>
    <row r="85" spans="2:15" s="42" customFormat="1" ht="15" customHeight="1">
      <c r="B85" s="67"/>
      <c r="C85" s="40">
        <v>285</v>
      </c>
      <c r="D85" s="68"/>
      <c r="E85" s="71"/>
      <c r="F85" s="71"/>
      <c r="G85" s="71"/>
      <c r="H85" s="71" t="s">
        <v>82</v>
      </c>
      <c r="I85" s="71"/>
      <c r="J85" s="71"/>
      <c r="K85" s="71"/>
      <c r="L85" s="71"/>
      <c r="M85" s="72"/>
      <c r="N85" s="19"/>
      <c r="O85" s="20"/>
    </row>
    <row r="86" spans="2:15" s="42" customFormat="1" ht="15" customHeight="1">
      <c r="B86" s="67"/>
      <c r="C86" s="40">
        <v>286</v>
      </c>
      <c r="D86" s="73"/>
      <c r="E86" s="74"/>
      <c r="F86" s="74"/>
      <c r="G86" s="74"/>
      <c r="H86" s="74" t="s">
        <v>83</v>
      </c>
      <c r="I86" s="74"/>
      <c r="J86" s="74"/>
      <c r="K86" s="74"/>
      <c r="L86" s="74"/>
      <c r="M86" s="72"/>
      <c r="N86" s="19"/>
      <c r="O86" s="20"/>
    </row>
    <row r="87" spans="2:15" s="42" customFormat="1" ht="15" customHeight="1">
      <c r="B87" s="75"/>
      <c r="C87" s="40">
        <v>1900</v>
      </c>
      <c r="D87" s="68"/>
      <c r="E87" s="71"/>
      <c r="F87" s="71"/>
      <c r="G87" s="71"/>
      <c r="H87" s="71" t="s">
        <v>84</v>
      </c>
      <c r="I87" s="71"/>
      <c r="J87" s="71"/>
      <c r="K87" s="71"/>
      <c r="L87" s="71"/>
      <c r="M87" s="72"/>
      <c r="N87" s="19"/>
      <c r="O87" s="20"/>
    </row>
    <row r="88" spans="2:15" s="42" customFormat="1" ht="15" customHeight="1">
      <c r="B88" s="67"/>
      <c r="C88" s="40">
        <v>1899</v>
      </c>
      <c r="D88" s="73"/>
      <c r="E88" s="74"/>
      <c r="F88" s="74"/>
      <c r="G88" s="74"/>
      <c r="H88" s="74" t="s">
        <v>85</v>
      </c>
      <c r="I88" s="70"/>
      <c r="J88" s="74"/>
      <c r="K88" s="74"/>
      <c r="L88" s="74"/>
      <c r="M88" s="72"/>
      <c r="N88" s="19"/>
      <c r="O88" s="20"/>
    </row>
    <row r="89" spans="2:15" s="42" customFormat="1" ht="15" customHeight="1">
      <c r="B89" s="67"/>
      <c r="C89" s="40">
        <v>99875</v>
      </c>
      <c r="D89" s="73"/>
      <c r="E89" s="74"/>
      <c r="F89" s="74"/>
      <c r="G89" s="74"/>
      <c r="H89" s="74"/>
      <c r="I89" s="74" t="s">
        <v>86</v>
      </c>
      <c r="J89" s="74"/>
      <c r="K89" s="74"/>
      <c r="L89" s="74"/>
      <c r="M89" s="72"/>
      <c r="N89" s="19"/>
      <c r="O89" s="20"/>
    </row>
    <row r="90" spans="2:15" s="42" customFormat="1" ht="15" customHeight="1">
      <c r="B90" s="67"/>
      <c r="C90" s="40">
        <v>99876</v>
      </c>
      <c r="D90" s="68"/>
      <c r="E90" s="71"/>
      <c r="F90" s="71"/>
      <c r="G90" s="71"/>
      <c r="H90" s="71"/>
      <c r="I90" s="71" t="s">
        <v>87</v>
      </c>
      <c r="J90" s="71"/>
      <c r="K90" s="71"/>
      <c r="L90" s="71"/>
      <c r="M90" s="72"/>
      <c r="N90" s="19"/>
      <c r="O90" s="20"/>
    </row>
    <row r="91" spans="2:15" s="42" customFormat="1" ht="15" customHeight="1">
      <c r="B91" s="67"/>
      <c r="C91" s="40">
        <v>1901</v>
      </c>
      <c r="D91" s="73"/>
      <c r="E91" s="74"/>
      <c r="F91" s="74"/>
      <c r="G91" s="74"/>
      <c r="H91" s="74" t="s">
        <v>88</v>
      </c>
      <c r="I91" s="74"/>
      <c r="J91" s="74"/>
      <c r="K91" s="74"/>
      <c r="L91" s="74"/>
      <c r="M91" s="72"/>
      <c r="N91" s="19"/>
      <c r="O91" s="20"/>
    </row>
    <row r="92" spans="2:15" s="42" customFormat="1" ht="15" customHeight="1">
      <c r="B92" s="67"/>
      <c r="C92" s="40">
        <v>75392</v>
      </c>
      <c r="D92" s="68"/>
      <c r="E92" s="71"/>
      <c r="F92" s="71"/>
      <c r="G92" s="71"/>
      <c r="H92" s="71" t="s">
        <v>89</v>
      </c>
      <c r="I92" s="71"/>
      <c r="J92" s="71"/>
      <c r="K92" s="71"/>
      <c r="L92" s="71"/>
      <c r="M92" s="72"/>
      <c r="N92" s="19"/>
      <c r="O92" s="20"/>
    </row>
    <row r="93" spans="2:15" s="42" customFormat="1" ht="15" customHeight="1">
      <c r="B93" s="67"/>
      <c r="C93" s="40">
        <v>75496</v>
      </c>
      <c r="D93" s="73"/>
      <c r="E93" s="74"/>
      <c r="F93" s="74"/>
      <c r="G93" s="74"/>
      <c r="H93" s="74" t="s">
        <v>90</v>
      </c>
      <c r="I93" s="74"/>
      <c r="J93" s="74"/>
      <c r="K93" s="74"/>
      <c r="L93" s="74"/>
      <c r="M93" s="72"/>
      <c r="N93" s="19"/>
      <c r="O93" s="20"/>
    </row>
    <row r="94" spans="2:15" s="42" customFormat="1" ht="15" customHeight="1">
      <c r="B94" s="67"/>
      <c r="C94" s="40">
        <v>75497</v>
      </c>
      <c r="D94" s="68"/>
      <c r="E94" s="71"/>
      <c r="F94" s="71"/>
      <c r="G94" s="71"/>
      <c r="H94" s="71" t="s">
        <v>91</v>
      </c>
      <c r="I94" s="71"/>
      <c r="J94" s="71"/>
      <c r="K94" s="71"/>
      <c r="L94" s="71"/>
      <c r="M94" s="72"/>
      <c r="N94" s="19"/>
      <c r="O94" s="20"/>
    </row>
    <row r="95" spans="2:15" s="42" customFormat="1" ht="15" customHeight="1">
      <c r="B95" s="67"/>
      <c r="C95" s="40">
        <v>75501</v>
      </c>
      <c r="D95" s="73"/>
      <c r="E95" s="74"/>
      <c r="F95" s="74"/>
      <c r="G95" s="74"/>
      <c r="H95" s="74" t="s">
        <v>92</v>
      </c>
      <c r="I95" s="74"/>
      <c r="J95" s="74"/>
      <c r="K95" s="74"/>
      <c r="L95" s="74"/>
      <c r="M95" s="72"/>
      <c r="N95" s="19"/>
      <c r="O95" s="20"/>
    </row>
    <row r="96" spans="2:15" s="42" customFormat="1" ht="15" customHeight="1">
      <c r="B96" s="67"/>
      <c r="C96" s="40">
        <v>82004</v>
      </c>
      <c r="D96" s="68"/>
      <c r="E96" s="71"/>
      <c r="F96" s="71"/>
      <c r="G96" s="71"/>
      <c r="H96" s="71" t="s">
        <v>93</v>
      </c>
      <c r="I96" s="71"/>
      <c r="J96" s="71"/>
      <c r="K96" s="71"/>
      <c r="L96" s="71"/>
      <c r="M96" s="72"/>
      <c r="N96" s="19"/>
      <c r="O96" s="20"/>
    </row>
    <row r="97" spans="2:15" s="42" customFormat="1" ht="15" customHeight="1">
      <c r="B97" s="67"/>
      <c r="C97" s="40">
        <v>90354</v>
      </c>
      <c r="D97" s="73"/>
      <c r="E97" s="74"/>
      <c r="F97" s="74"/>
      <c r="G97" s="74"/>
      <c r="H97" s="74" t="s">
        <v>94</v>
      </c>
      <c r="I97" s="74"/>
      <c r="J97" s="74"/>
      <c r="K97" s="74"/>
      <c r="L97" s="74"/>
      <c r="M97" s="72"/>
      <c r="N97" s="19"/>
      <c r="O97" s="20"/>
    </row>
    <row r="98" spans="2:15" s="42" customFormat="1" ht="15" customHeight="1">
      <c r="B98" s="75"/>
      <c r="C98" s="40">
        <v>157965</v>
      </c>
      <c r="D98" s="68"/>
      <c r="E98" s="71"/>
      <c r="F98" s="71"/>
      <c r="G98" s="71"/>
      <c r="H98" s="71" t="s">
        <v>95</v>
      </c>
      <c r="I98" s="71"/>
      <c r="J98" s="71"/>
      <c r="K98" s="71"/>
      <c r="L98" s="71"/>
      <c r="M98" s="72"/>
      <c r="N98" s="19"/>
      <c r="O98" s="20"/>
    </row>
    <row r="99" spans="2:15" s="42" customFormat="1" ht="15" customHeight="1">
      <c r="B99" s="67"/>
      <c r="C99" s="40">
        <v>230839</v>
      </c>
      <c r="D99" s="73"/>
      <c r="E99" s="74"/>
      <c r="F99" s="74"/>
      <c r="G99" s="74"/>
      <c r="H99" s="74" t="s">
        <v>96</v>
      </c>
      <c r="I99" s="74"/>
      <c r="J99" s="74"/>
      <c r="K99" s="74"/>
      <c r="L99" s="74"/>
      <c r="M99" s="72"/>
      <c r="N99" s="19"/>
      <c r="O99" s="20"/>
    </row>
    <row r="100" spans="2:15" s="42" customFormat="1" ht="15" customHeight="1">
      <c r="B100" s="67"/>
      <c r="C100" s="40">
        <v>230845</v>
      </c>
      <c r="D100" s="68"/>
      <c r="E100" s="71"/>
      <c r="F100" s="71"/>
      <c r="G100" s="71"/>
      <c r="H100" s="71" t="s">
        <v>97</v>
      </c>
      <c r="I100" s="71"/>
      <c r="J100" s="71"/>
      <c r="K100" s="71"/>
      <c r="L100" s="71"/>
      <c r="M100" s="72"/>
      <c r="N100" s="19"/>
      <c r="O100" s="20"/>
    </row>
    <row r="101" spans="2:15" s="42" customFormat="1" ht="15" customHeight="1">
      <c r="B101" s="67"/>
      <c r="C101" s="40">
        <v>230851</v>
      </c>
      <c r="D101" s="73"/>
      <c r="E101" s="74"/>
      <c r="F101" s="74"/>
      <c r="G101" s="74"/>
      <c r="H101" s="74" t="s">
        <v>98</v>
      </c>
      <c r="I101" s="74"/>
      <c r="J101" s="74"/>
      <c r="K101" s="74"/>
      <c r="L101" s="74"/>
      <c r="M101" s="72"/>
      <c r="N101" s="19"/>
      <c r="O101" s="20"/>
    </row>
    <row r="102" spans="2:15" s="42" customFormat="1" ht="15" customHeight="1">
      <c r="B102" s="67"/>
      <c r="C102" s="40">
        <v>230857</v>
      </c>
      <c r="D102" s="68"/>
      <c r="E102" s="71"/>
      <c r="F102" s="71"/>
      <c r="G102" s="71"/>
      <c r="H102" s="71" t="s">
        <v>99</v>
      </c>
      <c r="I102" s="71"/>
      <c r="J102" s="71"/>
      <c r="K102" s="71"/>
      <c r="L102" s="71"/>
      <c r="M102" s="72"/>
      <c r="N102" s="19"/>
      <c r="O102" s="20"/>
    </row>
    <row r="103" spans="2:15" s="42" customFormat="1" ht="15" customHeight="1">
      <c r="B103" s="75"/>
      <c r="C103" s="40">
        <v>300179</v>
      </c>
      <c r="D103" s="73"/>
      <c r="E103" s="74"/>
      <c r="F103" s="74"/>
      <c r="G103" s="74"/>
      <c r="H103" s="74" t="s">
        <v>100</v>
      </c>
      <c r="I103" s="74"/>
      <c r="J103" s="74"/>
      <c r="K103" s="74"/>
      <c r="L103" s="74"/>
      <c r="M103" s="72"/>
      <c r="N103" s="19"/>
      <c r="O103" s="20"/>
    </row>
    <row r="104" spans="2:15" s="42" customFormat="1" ht="15" customHeight="1">
      <c r="B104" s="67"/>
      <c r="C104" s="40">
        <v>182228</v>
      </c>
      <c r="D104" s="68"/>
      <c r="E104" s="71"/>
      <c r="F104" s="71"/>
      <c r="G104" s="71" t="s">
        <v>101</v>
      </c>
      <c r="H104" s="70"/>
      <c r="I104" s="70"/>
      <c r="J104" s="71"/>
      <c r="K104" s="71"/>
      <c r="L104" s="71"/>
      <c r="M104" s="72"/>
      <c r="N104" s="19"/>
      <c r="O104" s="20"/>
    </row>
    <row r="105" spans="2:15" s="42" customFormat="1" ht="15" customHeight="1">
      <c r="B105" s="67"/>
      <c r="C105" s="40">
        <v>732</v>
      </c>
      <c r="D105" s="68"/>
      <c r="E105" s="71"/>
      <c r="F105" s="71"/>
      <c r="G105" s="71"/>
      <c r="H105" s="71" t="s">
        <v>102</v>
      </c>
      <c r="I105" s="70"/>
      <c r="J105" s="71"/>
      <c r="K105" s="71"/>
      <c r="L105" s="71"/>
      <c r="M105" s="72"/>
      <c r="N105" s="19"/>
      <c r="O105" s="20"/>
    </row>
    <row r="106" spans="2:15" s="42" customFormat="1" ht="15" customHeight="1">
      <c r="B106" s="67"/>
      <c r="C106" s="40">
        <v>93568</v>
      </c>
      <c r="D106" s="68"/>
      <c r="E106" s="71"/>
      <c r="F106" s="71"/>
      <c r="G106" s="71"/>
      <c r="H106" s="71"/>
      <c r="I106" s="71" t="s">
        <v>103</v>
      </c>
      <c r="J106" s="71"/>
      <c r="K106" s="71"/>
      <c r="L106" s="71"/>
      <c r="M106" s="72"/>
      <c r="N106" s="19"/>
      <c r="O106" s="20"/>
    </row>
    <row r="107" spans="2:15" s="42" customFormat="1" ht="15" customHeight="1">
      <c r="B107" s="67"/>
      <c r="C107" s="40">
        <v>221</v>
      </c>
      <c r="D107" s="73"/>
      <c r="E107" s="74"/>
      <c r="F107" s="74"/>
      <c r="G107" s="74"/>
      <c r="H107" s="74" t="s">
        <v>104</v>
      </c>
      <c r="I107" s="70"/>
      <c r="J107" s="74"/>
      <c r="K107" s="74"/>
      <c r="L107" s="74"/>
      <c r="M107" s="72"/>
      <c r="N107" s="19"/>
      <c r="O107" s="20"/>
    </row>
    <row r="108" spans="2:15" s="42" customFormat="1" ht="15" customHeight="1">
      <c r="B108" s="67"/>
      <c r="C108" s="40">
        <v>93672</v>
      </c>
      <c r="D108" s="73"/>
      <c r="E108" s="74"/>
      <c r="F108" s="74"/>
      <c r="G108" s="74"/>
      <c r="H108" s="74"/>
      <c r="I108" s="74" t="s">
        <v>105</v>
      </c>
      <c r="J108" s="74"/>
      <c r="K108" s="74"/>
      <c r="L108" s="74"/>
      <c r="M108" s="72"/>
      <c r="N108" s="19"/>
      <c r="O108" s="20"/>
    </row>
    <row r="109" spans="2:15" s="42" customFormat="1" ht="15" customHeight="1">
      <c r="B109" s="67"/>
      <c r="C109" s="40">
        <v>779</v>
      </c>
      <c r="D109" s="68"/>
      <c r="E109" s="71"/>
      <c r="F109" s="71"/>
      <c r="G109" s="71"/>
      <c r="H109" s="71" t="s">
        <v>36</v>
      </c>
      <c r="I109" s="71"/>
      <c r="J109" s="71"/>
      <c r="K109" s="71"/>
      <c r="L109" s="71"/>
      <c r="M109" s="72"/>
      <c r="N109" s="19"/>
      <c r="O109" s="20"/>
    </row>
    <row r="110" spans="2:15" s="42" customFormat="1" ht="15" customHeight="1">
      <c r="B110" s="67"/>
      <c r="C110" s="40">
        <v>81</v>
      </c>
      <c r="D110" s="73"/>
      <c r="E110" s="74"/>
      <c r="F110" s="74"/>
      <c r="G110" s="74"/>
      <c r="H110" s="74" t="s">
        <v>106</v>
      </c>
      <c r="I110" s="74"/>
      <c r="J110" s="74"/>
      <c r="K110" s="74"/>
      <c r="L110" s="74"/>
      <c r="M110" s="72"/>
      <c r="N110" s="19"/>
      <c r="O110" s="20"/>
    </row>
    <row r="111" spans="2:15" s="42" customFormat="1" ht="15" customHeight="1">
      <c r="B111" s="67"/>
      <c r="C111" s="40">
        <v>728</v>
      </c>
      <c r="D111" s="68"/>
      <c r="E111" s="71"/>
      <c r="F111" s="71"/>
      <c r="G111" s="71"/>
      <c r="H111" s="71" t="s">
        <v>107</v>
      </c>
      <c r="I111" s="71"/>
      <c r="J111" s="71"/>
      <c r="K111" s="71"/>
      <c r="L111" s="71"/>
      <c r="M111" s="72"/>
      <c r="N111" s="19"/>
      <c r="O111" s="20"/>
    </row>
    <row r="112" spans="2:15" s="42" customFormat="1" ht="15" customHeight="1">
      <c r="B112" s="67"/>
      <c r="C112" s="40">
        <v>46489</v>
      </c>
      <c r="D112" s="73"/>
      <c r="E112" s="74"/>
      <c r="F112" s="74"/>
      <c r="G112" s="74"/>
      <c r="H112" s="74" t="s">
        <v>108</v>
      </c>
      <c r="I112" s="74"/>
      <c r="J112" s="74"/>
      <c r="K112" s="74"/>
      <c r="L112" s="74"/>
      <c r="M112" s="72"/>
      <c r="N112" s="19"/>
      <c r="O112" s="20"/>
    </row>
    <row r="113" spans="2:15" s="42" customFormat="1" ht="15" customHeight="1">
      <c r="B113" s="67"/>
      <c r="C113" s="40">
        <v>79078</v>
      </c>
      <c r="D113" s="68"/>
      <c r="E113" s="71"/>
      <c r="F113" s="71"/>
      <c r="G113" s="71"/>
      <c r="H113" s="71" t="s">
        <v>109</v>
      </c>
      <c r="I113" s="71"/>
      <c r="J113" s="71"/>
      <c r="K113" s="71"/>
      <c r="L113" s="71"/>
      <c r="M113" s="72"/>
      <c r="N113" s="19"/>
      <c r="O113" s="20"/>
    </row>
    <row r="114" spans="2:15" s="42" customFormat="1" ht="15" customHeight="1">
      <c r="B114" s="67"/>
      <c r="C114" s="40">
        <v>90002</v>
      </c>
      <c r="D114" s="73"/>
      <c r="E114" s="74"/>
      <c r="F114" s="74"/>
      <c r="G114" s="74"/>
      <c r="H114" s="74" t="s">
        <v>110</v>
      </c>
      <c r="I114" s="74"/>
      <c r="J114" s="74"/>
      <c r="K114" s="74"/>
      <c r="L114" s="74"/>
      <c r="M114" s="72"/>
      <c r="N114" s="19"/>
      <c r="O114" s="20"/>
    </row>
    <row r="115" spans="2:15" s="42" customFormat="1" ht="15" customHeight="1">
      <c r="B115" s="67"/>
      <c r="C115" s="40">
        <v>90291</v>
      </c>
      <c r="D115" s="68"/>
      <c r="E115" s="71"/>
      <c r="F115" s="71"/>
      <c r="G115" s="71"/>
      <c r="H115" s="71" t="s">
        <v>111</v>
      </c>
      <c r="I115" s="70"/>
      <c r="J115" s="71"/>
      <c r="K115" s="71"/>
      <c r="L115" s="71"/>
      <c r="M115" s="72"/>
      <c r="N115" s="19"/>
      <c r="O115" s="20"/>
    </row>
    <row r="116" spans="2:15" s="42" customFormat="1" ht="15" customHeight="1">
      <c r="B116" s="67"/>
      <c r="C116" s="40">
        <v>93567</v>
      </c>
      <c r="D116" s="68"/>
      <c r="E116" s="71"/>
      <c r="F116" s="71"/>
      <c r="G116" s="71"/>
      <c r="H116" s="71"/>
      <c r="I116" s="71" t="s">
        <v>112</v>
      </c>
      <c r="J116" s="71"/>
      <c r="K116" s="71"/>
      <c r="L116" s="71"/>
      <c r="M116" s="72"/>
      <c r="N116" s="19"/>
      <c r="O116" s="20"/>
    </row>
    <row r="117" spans="2:15" s="42" customFormat="1" ht="15" customHeight="1">
      <c r="B117" s="67"/>
      <c r="C117" s="40">
        <v>220393</v>
      </c>
      <c r="D117" s="73"/>
      <c r="E117" s="74"/>
      <c r="F117" s="74"/>
      <c r="G117" s="74"/>
      <c r="H117" s="74"/>
      <c r="I117" s="74" t="s">
        <v>113</v>
      </c>
      <c r="J117" s="74"/>
      <c r="K117" s="74"/>
      <c r="L117" s="74"/>
      <c r="M117" s="72"/>
      <c r="N117" s="19"/>
      <c r="O117" s="20"/>
    </row>
    <row r="118" spans="2:15" s="42" customFormat="1" ht="15" customHeight="1">
      <c r="B118" s="67"/>
      <c r="C118" s="40">
        <v>220402</v>
      </c>
      <c r="D118" s="68"/>
      <c r="E118" s="71"/>
      <c r="F118" s="71"/>
      <c r="G118" s="71"/>
      <c r="H118" s="71"/>
      <c r="I118" s="71" t="s">
        <v>114</v>
      </c>
      <c r="J118" s="70"/>
      <c r="K118" s="71"/>
      <c r="L118" s="71"/>
      <c r="M118" s="72"/>
      <c r="N118" s="19"/>
      <c r="O118" s="20"/>
    </row>
    <row r="119" spans="2:15" s="42" customFormat="1" ht="15" customHeight="1">
      <c r="B119" s="67"/>
      <c r="C119" s="40">
        <v>90290</v>
      </c>
      <c r="D119" s="68"/>
      <c r="E119" s="71"/>
      <c r="F119" s="71"/>
      <c r="G119" s="71"/>
      <c r="H119" s="71"/>
      <c r="I119" s="71"/>
      <c r="J119" s="71" t="s">
        <v>115</v>
      </c>
      <c r="K119" s="71"/>
      <c r="L119" s="71"/>
      <c r="M119" s="72"/>
      <c r="N119" s="19"/>
      <c r="O119" s="20"/>
    </row>
    <row r="120" spans="2:15" s="42" customFormat="1" ht="15" customHeight="1">
      <c r="B120" s="67"/>
      <c r="C120" s="40">
        <v>220407</v>
      </c>
      <c r="D120" s="73"/>
      <c r="E120" s="74"/>
      <c r="F120" s="74"/>
      <c r="G120" s="74"/>
      <c r="H120" s="74"/>
      <c r="I120" s="74" t="s">
        <v>116</v>
      </c>
      <c r="J120" s="74"/>
      <c r="K120" s="74"/>
      <c r="L120" s="74"/>
      <c r="M120" s="72"/>
      <c r="N120" s="19"/>
      <c r="O120" s="20"/>
    </row>
    <row r="121" spans="2:15" s="42" customFormat="1" ht="15" customHeight="1">
      <c r="B121" s="67"/>
      <c r="C121" s="40">
        <v>93552</v>
      </c>
      <c r="D121" s="68"/>
      <c r="E121" s="71"/>
      <c r="F121" s="71"/>
      <c r="G121" s="71"/>
      <c r="H121" s="71" t="s">
        <v>117</v>
      </c>
      <c r="I121" s="71"/>
      <c r="J121" s="71"/>
      <c r="K121" s="71"/>
      <c r="L121" s="71"/>
      <c r="M121" s="72"/>
      <c r="N121" s="19"/>
      <c r="O121" s="20"/>
    </row>
    <row r="122" spans="2:15" s="42" customFormat="1" ht="15" customHeight="1">
      <c r="B122" s="67"/>
      <c r="C122" s="40">
        <v>93553</v>
      </c>
      <c r="D122" s="73"/>
      <c r="E122" s="74"/>
      <c r="F122" s="74"/>
      <c r="G122" s="74"/>
      <c r="H122" s="74" t="s">
        <v>118</v>
      </c>
      <c r="I122" s="74"/>
      <c r="J122" s="74"/>
      <c r="K122" s="74"/>
      <c r="L122" s="74"/>
      <c r="M122" s="72"/>
      <c r="N122" s="19"/>
      <c r="O122" s="20"/>
    </row>
    <row r="123" spans="2:15" s="42" customFormat="1" ht="15" customHeight="1">
      <c r="B123" s="75"/>
      <c r="C123" s="40">
        <v>93566</v>
      </c>
      <c r="D123" s="68"/>
      <c r="E123" s="71"/>
      <c r="F123" s="71"/>
      <c r="G123" s="71"/>
      <c r="H123" s="71" t="s">
        <v>119</v>
      </c>
      <c r="I123" s="71"/>
      <c r="J123" s="71"/>
      <c r="K123" s="71"/>
      <c r="L123" s="71"/>
      <c r="M123" s="72"/>
      <c r="N123" s="19"/>
      <c r="O123" s="20"/>
    </row>
    <row r="124" spans="2:15" s="42" customFormat="1" ht="15" customHeight="1">
      <c r="B124" s="67"/>
      <c r="C124" s="40">
        <v>228426</v>
      </c>
      <c r="D124" s="73"/>
      <c r="E124" s="74"/>
      <c r="F124" s="74"/>
      <c r="G124" s="74"/>
      <c r="H124" s="74" t="s">
        <v>120</v>
      </c>
      <c r="I124" s="74"/>
      <c r="J124" s="74"/>
      <c r="K124" s="74"/>
      <c r="L124" s="74"/>
      <c r="M124" s="72"/>
      <c r="N124" s="19"/>
      <c r="O124" s="20"/>
    </row>
    <row r="125" spans="2:15" s="42" customFormat="1" ht="15" customHeight="1">
      <c r="B125" s="67"/>
      <c r="C125" s="40">
        <v>251312</v>
      </c>
      <c r="D125" s="68"/>
      <c r="E125" s="71"/>
      <c r="F125" s="71"/>
      <c r="G125" s="71"/>
      <c r="H125" s="71" t="s">
        <v>121</v>
      </c>
      <c r="I125" s="70"/>
      <c r="J125" s="71"/>
      <c r="K125" s="71"/>
      <c r="L125" s="71"/>
      <c r="M125" s="72"/>
      <c r="N125" s="19"/>
      <c r="O125" s="20"/>
    </row>
    <row r="126" spans="2:15" s="42" customFormat="1" ht="15" customHeight="1">
      <c r="B126" s="75"/>
      <c r="C126" s="40">
        <v>809</v>
      </c>
      <c r="D126" s="68"/>
      <c r="E126" s="71"/>
      <c r="F126" s="71"/>
      <c r="G126" s="71"/>
      <c r="H126" s="71"/>
      <c r="I126" s="71" t="s">
        <v>122</v>
      </c>
      <c r="J126" s="71"/>
      <c r="K126" s="71"/>
      <c r="L126" s="71"/>
      <c r="M126" s="72"/>
      <c r="N126" s="19"/>
      <c r="O126" s="20"/>
    </row>
    <row r="127" spans="2:15" s="42" customFormat="1" ht="15" customHeight="1">
      <c r="B127" s="67"/>
      <c r="C127" s="40">
        <v>251316</v>
      </c>
      <c r="D127" s="73"/>
      <c r="E127" s="74"/>
      <c r="F127" s="74"/>
      <c r="G127" s="74"/>
      <c r="H127" s="74"/>
      <c r="I127" s="74" t="s">
        <v>123</v>
      </c>
      <c r="J127" s="74"/>
      <c r="K127" s="74"/>
      <c r="L127" s="74"/>
      <c r="M127" s="72"/>
      <c r="N127" s="19"/>
      <c r="O127" s="20"/>
    </row>
    <row r="128" spans="2:15" s="42" customFormat="1" ht="15" customHeight="1">
      <c r="B128" s="67"/>
      <c r="C128" s="40">
        <v>284264</v>
      </c>
      <c r="D128" s="68"/>
      <c r="E128" s="71"/>
      <c r="F128" s="71"/>
      <c r="G128" s="71"/>
      <c r="H128" s="71" t="s">
        <v>124</v>
      </c>
      <c r="I128" s="70"/>
      <c r="J128" s="71"/>
      <c r="K128" s="71"/>
      <c r="L128" s="71"/>
      <c r="M128" s="72"/>
      <c r="N128" s="19"/>
      <c r="O128" s="20"/>
    </row>
    <row r="129" spans="2:15" s="42" customFormat="1" ht="15" customHeight="1">
      <c r="B129" s="67"/>
      <c r="C129" s="40">
        <v>79078</v>
      </c>
      <c r="D129" s="68"/>
      <c r="E129" s="71"/>
      <c r="F129" s="71"/>
      <c r="G129" s="71"/>
      <c r="H129" s="71"/>
      <c r="I129" s="71" t="s">
        <v>109</v>
      </c>
      <c r="J129" s="71"/>
      <c r="K129" s="71"/>
      <c r="L129" s="71"/>
      <c r="M129" s="72"/>
      <c r="N129" s="19"/>
      <c r="O129" s="20"/>
    </row>
    <row r="130" spans="2:15" s="42" customFormat="1" ht="15" customHeight="1">
      <c r="B130" s="67"/>
      <c r="C130" s="40">
        <v>103919</v>
      </c>
      <c r="D130" s="73"/>
      <c r="E130" s="74"/>
      <c r="F130" s="74"/>
      <c r="G130" s="74"/>
      <c r="H130" s="74"/>
      <c r="I130" s="74" t="s">
        <v>125</v>
      </c>
      <c r="J130" s="70"/>
      <c r="K130" s="74"/>
      <c r="L130" s="74"/>
      <c r="M130" s="72"/>
      <c r="N130" s="19"/>
      <c r="O130" s="20"/>
    </row>
    <row r="131" spans="2:15" s="42" customFormat="1" ht="15" customHeight="1">
      <c r="B131" s="67"/>
      <c r="C131" s="40">
        <v>280302</v>
      </c>
      <c r="D131" s="73"/>
      <c r="E131" s="74"/>
      <c r="F131" s="74"/>
      <c r="G131" s="74"/>
      <c r="H131" s="74"/>
      <c r="I131" s="74"/>
      <c r="J131" s="74" t="s">
        <v>126</v>
      </c>
      <c r="K131" s="74"/>
      <c r="L131" s="74"/>
      <c r="M131" s="72"/>
      <c r="N131" s="19"/>
      <c r="O131" s="20"/>
    </row>
    <row r="132" spans="2:15" s="42" customFormat="1" ht="15" customHeight="1">
      <c r="B132" s="67"/>
      <c r="C132" s="40">
        <v>280315</v>
      </c>
      <c r="D132" s="68"/>
      <c r="E132" s="71"/>
      <c r="F132" s="71"/>
      <c r="G132" s="71"/>
      <c r="H132" s="71"/>
      <c r="I132" s="71"/>
      <c r="J132" s="71" t="s">
        <v>127</v>
      </c>
      <c r="K132" s="71"/>
      <c r="L132" s="71"/>
      <c r="M132" s="72"/>
      <c r="N132" s="19"/>
      <c r="O132" s="20"/>
    </row>
    <row r="133" spans="2:15" s="42" customFormat="1" ht="15" customHeight="1">
      <c r="B133" s="67"/>
      <c r="C133" s="40">
        <v>300345</v>
      </c>
      <c r="D133" s="73"/>
      <c r="E133" s="74"/>
      <c r="F133" s="74"/>
      <c r="G133" s="74"/>
      <c r="H133" s="74" t="s">
        <v>128</v>
      </c>
      <c r="I133" s="74"/>
      <c r="J133" s="74"/>
      <c r="K133" s="74"/>
      <c r="L133" s="74"/>
      <c r="M133" s="72"/>
      <c r="N133" s="19"/>
      <c r="O133" s="20"/>
    </row>
    <row r="134" spans="2:15" s="42" customFormat="1" ht="15" customHeight="1">
      <c r="B134" s="67"/>
      <c r="C134" s="40">
        <v>300359</v>
      </c>
      <c r="D134" s="68"/>
      <c r="E134" s="71"/>
      <c r="F134" s="71"/>
      <c r="G134" s="71"/>
      <c r="H134" s="71" t="s">
        <v>129</v>
      </c>
      <c r="I134" s="71"/>
      <c r="J134" s="71"/>
      <c r="K134" s="71"/>
      <c r="L134" s="71"/>
      <c r="M134" s="72"/>
      <c r="N134" s="19"/>
      <c r="O134" s="20"/>
    </row>
    <row r="135" spans="2:15" s="42" customFormat="1" ht="15" customHeight="1">
      <c r="B135" s="67"/>
      <c r="C135" s="40">
        <v>230839</v>
      </c>
      <c r="D135" s="73"/>
      <c r="E135" s="74"/>
      <c r="F135" s="74"/>
      <c r="G135" s="74" t="s">
        <v>96</v>
      </c>
      <c r="H135" s="74"/>
      <c r="I135" s="74"/>
      <c r="J135" s="74"/>
      <c r="K135" s="74"/>
      <c r="L135" s="74"/>
      <c r="M135" s="72"/>
      <c r="N135" s="19"/>
      <c r="O135" s="20"/>
    </row>
    <row r="136" spans="2:15" s="42" customFormat="1" ht="15" customHeight="1">
      <c r="B136" s="67"/>
      <c r="C136" s="40">
        <v>231111</v>
      </c>
      <c r="D136" s="68"/>
      <c r="E136" s="71"/>
      <c r="F136" s="71"/>
      <c r="G136" s="71" t="s">
        <v>130</v>
      </c>
      <c r="H136" s="71"/>
      <c r="I136" s="71"/>
      <c r="J136" s="71"/>
      <c r="K136" s="71"/>
      <c r="L136" s="71"/>
      <c r="M136" s="72"/>
      <c r="N136" s="19"/>
      <c r="O136" s="20"/>
    </row>
    <row r="137" spans="2:15" s="42" customFormat="1" ht="15" customHeight="1">
      <c r="B137" s="67"/>
      <c r="C137" s="40">
        <v>240266</v>
      </c>
      <c r="D137" s="73"/>
      <c r="E137" s="74"/>
      <c r="F137" s="74"/>
      <c r="G137" s="74" t="s">
        <v>131</v>
      </c>
      <c r="H137" s="70"/>
      <c r="I137" s="74"/>
      <c r="J137" s="74"/>
      <c r="K137" s="74"/>
      <c r="L137" s="74"/>
      <c r="M137" s="72"/>
      <c r="N137" s="19"/>
      <c r="O137" s="20"/>
    </row>
    <row r="138" spans="2:15" s="42" customFormat="1" ht="15" customHeight="1">
      <c r="B138" s="67"/>
      <c r="C138" s="40">
        <v>35687</v>
      </c>
      <c r="D138" s="73"/>
      <c r="E138" s="74"/>
      <c r="F138" s="74"/>
      <c r="G138" s="74"/>
      <c r="H138" s="74" t="s">
        <v>132</v>
      </c>
      <c r="I138" s="74"/>
      <c r="J138" s="74"/>
      <c r="K138" s="74"/>
      <c r="L138" s="74"/>
      <c r="M138" s="72"/>
      <c r="N138" s="19"/>
      <c r="O138" s="20"/>
    </row>
    <row r="139" spans="2:15" s="42" customFormat="1" ht="15" customHeight="1">
      <c r="B139" s="67"/>
      <c r="C139" s="40">
        <v>139436</v>
      </c>
      <c r="D139" s="68"/>
      <c r="E139" s="71"/>
      <c r="F139" s="71"/>
      <c r="G139" s="71"/>
      <c r="H139" s="71" t="s">
        <v>133</v>
      </c>
      <c r="I139" s="71"/>
      <c r="J139" s="71"/>
      <c r="K139" s="71"/>
      <c r="L139" s="71"/>
      <c r="M139" s="72"/>
      <c r="N139" s="19"/>
      <c r="O139" s="20"/>
    </row>
    <row r="140" spans="2:15" s="42" customFormat="1" ht="15" customHeight="1">
      <c r="B140" s="75"/>
      <c r="C140" s="40">
        <v>158014</v>
      </c>
      <c r="D140" s="73"/>
      <c r="E140" s="74"/>
      <c r="F140" s="74"/>
      <c r="G140" s="74"/>
      <c r="H140" s="74" t="s">
        <v>134</v>
      </c>
      <c r="I140" s="74"/>
      <c r="J140" s="74"/>
      <c r="K140" s="74"/>
      <c r="L140" s="74"/>
      <c r="M140" s="72"/>
      <c r="N140" s="19"/>
      <c r="O140" s="20"/>
    </row>
    <row r="141" spans="2:15" s="42" customFormat="1" ht="15" customHeight="1">
      <c r="B141" s="67"/>
      <c r="C141" s="40">
        <v>158029</v>
      </c>
      <c r="D141" s="68"/>
      <c r="E141" s="71"/>
      <c r="F141" s="71"/>
      <c r="G141" s="71"/>
      <c r="H141" s="71" t="s">
        <v>135</v>
      </c>
      <c r="I141" s="71"/>
      <c r="J141" s="71"/>
      <c r="K141" s="71"/>
      <c r="L141" s="71"/>
      <c r="M141" s="72"/>
      <c r="N141" s="19"/>
      <c r="O141" s="20"/>
    </row>
    <row r="142" spans="2:15" s="42" customFormat="1" ht="15" customHeight="1">
      <c r="B142" s="67"/>
      <c r="C142" s="40">
        <v>254707</v>
      </c>
      <c r="D142" s="73"/>
      <c r="E142" s="74"/>
      <c r="F142" s="74"/>
      <c r="G142" s="74"/>
      <c r="H142" s="74" t="s">
        <v>136</v>
      </c>
      <c r="I142" s="74"/>
      <c r="J142" s="74"/>
      <c r="K142" s="74"/>
      <c r="L142" s="74"/>
      <c r="M142" s="72"/>
      <c r="N142" s="19"/>
      <c r="O142" s="20"/>
    </row>
    <row r="143" spans="2:15" s="42" customFormat="1" ht="15" customHeight="1">
      <c r="B143" s="67"/>
      <c r="C143" s="40">
        <v>254712</v>
      </c>
      <c r="D143" s="68"/>
      <c r="E143" s="71"/>
      <c r="F143" s="71"/>
      <c r="G143" s="71"/>
      <c r="H143" s="71" t="s">
        <v>137</v>
      </c>
      <c r="I143" s="71"/>
      <c r="J143" s="71"/>
      <c r="K143" s="71"/>
      <c r="L143" s="71"/>
      <c r="M143" s="72"/>
      <c r="N143" s="19"/>
      <c r="O143" s="20"/>
    </row>
    <row r="144" spans="2:15" s="42" customFormat="1" ht="15" customHeight="1">
      <c r="B144" s="67"/>
      <c r="C144" s="40">
        <v>251332</v>
      </c>
      <c r="D144" s="73"/>
      <c r="E144" s="74"/>
      <c r="F144" s="74"/>
      <c r="G144" s="74" t="s">
        <v>138</v>
      </c>
      <c r="H144" s="74"/>
      <c r="I144" s="74"/>
      <c r="J144" s="74"/>
      <c r="K144" s="74"/>
      <c r="L144" s="74"/>
      <c r="M144" s="72"/>
      <c r="N144" s="19"/>
      <c r="O144" s="20"/>
    </row>
    <row r="145" spans="2:15" s="42" customFormat="1" ht="15" customHeight="1">
      <c r="B145" s="67"/>
      <c r="C145" s="40">
        <v>280062</v>
      </c>
      <c r="D145" s="68"/>
      <c r="E145" s="71"/>
      <c r="F145" s="71"/>
      <c r="G145" s="71" t="s">
        <v>139</v>
      </c>
      <c r="H145" s="70"/>
      <c r="I145" s="71"/>
      <c r="J145" s="71"/>
      <c r="K145" s="71"/>
      <c r="L145" s="71"/>
      <c r="M145" s="72"/>
      <c r="N145" s="19"/>
      <c r="O145" s="20"/>
    </row>
    <row r="146" spans="2:15" s="42" customFormat="1" ht="15" customHeight="1">
      <c r="B146" s="75"/>
      <c r="C146" s="40">
        <v>280065</v>
      </c>
      <c r="D146" s="68"/>
      <c r="E146" s="71"/>
      <c r="F146" s="71"/>
      <c r="G146" s="71"/>
      <c r="H146" s="71" t="s">
        <v>140</v>
      </c>
      <c r="I146" s="71"/>
      <c r="J146" s="71"/>
      <c r="K146" s="71"/>
      <c r="L146" s="71"/>
      <c r="M146" s="72"/>
      <c r="N146" s="19"/>
      <c r="O146" s="20"/>
    </row>
    <row r="147" spans="2:15" s="42" customFormat="1" ht="15" customHeight="1">
      <c r="B147" s="67"/>
      <c r="C147" s="40">
        <v>280068</v>
      </c>
      <c r="D147" s="73"/>
      <c r="E147" s="74"/>
      <c r="F147" s="74"/>
      <c r="G147" s="74"/>
      <c r="H147" s="74" t="s">
        <v>141</v>
      </c>
      <c r="I147" s="74"/>
      <c r="J147" s="74"/>
      <c r="K147" s="74"/>
      <c r="L147" s="74"/>
      <c r="M147" s="72"/>
      <c r="N147" s="19"/>
      <c r="O147" s="20"/>
    </row>
    <row r="148" spans="2:15" s="42" customFormat="1" ht="15" customHeight="1">
      <c r="B148" s="67"/>
      <c r="C148" s="40">
        <v>284227</v>
      </c>
      <c r="D148" s="68"/>
      <c r="E148" s="71"/>
      <c r="F148" s="71"/>
      <c r="G148" s="71" t="s">
        <v>142</v>
      </c>
      <c r="H148" s="71"/>
      <c r="I148" s="71"/>
      <c r="J148" s="71"/>
      <c r="K148" s="71"/>
      <c r="L148" s="71"/>
      <c r="M148" s="72"/>
      <c r="N148" s="19"/>
      <c r="O148" s="20"/>
    </row>
    <row r="149" spans="2:15" s="42" customFormat="1" ht="15" customHeight="1">
      <c r="B149" s="75"/>
      <c r="C149" s="40">
        <v>284993</v>
      </c>
      <c r="D149" s="73"/>
      <c r="E149" s="74"/>
      <c r="F149" s="74"/>
      <c r="G149" s="74" t="s">
        <v>143</v>
      </c>
      <c r="H149" s="70"/>
      <c r="I149" s="70"/>
      <c r="J149" s="74"/>
      <c r="K149" s="74"/>
      <c r="L149" s="74"/>
      <c r="M149" s="72"/>
      <c r="N149" s="19"/>
      <c r="O149" s="20"/>
    </row>
    <row r="150" spans="2:15" s="42" customFormat="1" ht="15" customHeight="1">
      <c r="B150" s="67"/>
      <c r="C150" s="40">
        <v>558</v>
      </c>
      <c r="D150" s="73"/>
      <c r="E150" s="74"/>
      <c r="F150" s="74"/>
      <c r="G150" s="74"/>
      <c r="H150" s="74" t="s">
        <v>144</v>
      </c>
      <c r="I150" s="70"/>
      <c r="J150" s="74"/>
      <c r="K150" s="74"/>
      <c r="L150" s="74"/>
      <c r="M150" s="72"/>
      <c r="N150" s="19"/>
      <c r="O150" s="20"/>
    </row>
    <row r="151" spans="2:15" s="42" customFormat="1" ht="15" customHeight="1">
      <c r="B151" s="67"/>
      <c r="C151" s="40">
        <v>284963</v>
      </c>
      <c r="D151" s="73"/>
      <c r="E151" s="74"/>
      <c r="F151" s="74"/>
      <c r="G151" s="74"/>
      <c r="H151" s="74"/>
      <c r="I151" s="74" t="s">
        <v>145</v>
      </c>
      <c r="J151" s="74"/>
      <c r="K151" s="74"/>
      <c r="L151" s="74"/>
      <c r="M151" s="72"/>
      <c r="N151" s="19"/>
      <c r="O151" s="20"/>
    </row>
    <row r="152" spans="2:15" s="42" customFormat="1" ht="15" customHeight="1">
      <c r="B152" s="75"/>
      <c r="C152" s="40">
        <v>284973</v>
      </c>
      <c r="D152" s="68"/>
      <c r="E152" s="71"/>
      <c r="F152" s="71"/>
      <c r="G152" s="71"/>
      <c r="H152" s="71"/>
      <c r="I152" s="71" t="s">
        <v>146</v>
      </c>
      <c r="J152" s="71"/>
      <c r="K152" s="71"/>
      <c r="L152" s="71"/>
      <c r="M152" s="72"/>
      <c r="N152" s="19"/>
      <c r="O152" s="20"/>
    </row>
    <row r="153" spans="2:15" s="42" customFormat="1" ht="15" customHeight="1">
      <c r="B153" s="67"/>
      <c r="C153" s="40">
        <v>1885</v>
      </c>
      <c r="D153" s="73"/>
      <c r="E153" s="74"/>
      <c r="F153" s="74"/>
      <c r="G153" s="74"/>
      <c r="H153" s="74" t="s">
        <v>147</v>
      </c>
      <c r="I153" s="74"/>
      <c r="J153" s="74"/>
      <c r="K153" s="74"/>
      <c r="L153" s="74"/>
      <c r="M153" s="72"/>
      <c r="N153" s="19"/>
      <c r="O153" s="20"/>
    </row>
    <row r="154" spans="2:15" s="42" customFormat="1" ht="15" customHeight="1">
      <c r="B154" s="67"/>
      <c r="C154" s="40">
        <v>115</v>
      </c>
      <c r="D154" s="68"/>
      <c r="E154" s="71"/>
      <c r="F154" s="71"/>
      <c r="G154" s="71"/>
      <c r="H154" s="71" t="s">
        <v>148</v>
      </c>
      <c r="I154" s="71"/>
      <c r="J154" s="71"/>
      <c r="K154" s="71"/>
      <c r="L154" s="71"/>
      <c r="M154" s="72"/>
      <c r="N154" s="19"/>
      <c r="O154" s="20"/>
    </row>
    <row r="155" spans="2:15" s="42" customFormat="1" ht="15" customHeight="1">
      <c r="B155" s="67"/>
      <c r="C155" s="40">
        <v>2462</v>
      </c>
      <c r="D155" s="73"/>
      <c r="E155" s="74"/>
      <c r="F155" s="74"/>
      <c r="G155" s="74"/>
      <c r="H155" s="74" t="s">
        <v>149</v>
      </c>
      <c r="I155" s="74"/>
      <c r="J155" s="74"/>
      <c r="K155" s="74"/>
      <c r="L155" s="74"/>
      <c r="M155" s="72"/>
      <c r="N155" s="19"/>
      <c r="O155" s="20"/>
    </row>
    <row r="156" spans="2:15" s="42" customFormat="1" ht="15" customHeight="1">
      <c r="B156" s="67"/>
      <c r="C156" s="40">
        <v>60030</v>
      </c>
      <c r="D156" s="68"/>
      <c r="E156" s="71"/>
      <c r="F156" s="71"/>
      <c r="G156" s="71"/>
      <c r="H156" s="71" t="s">
        <v>150</v>
      </c>
      <c r="I156" s="71"/>
      <c r="J156" s="71"/>
      <c r="K156" s="71"/>
      <c r="L156" s="71"/>
      <c r="M156" s="72"/>
      <c r="N156" s="19"/>
      <c r="O156" s="20"/>
    </row>
    <row r="157" spans="2:15" s="42" customFormat="1" ht="15" customHeight="1">
      <c r="B157" s="67"/>
      <c r="C157" s="40">
        <v>88636</v>
      </c>
      <c r="D157" s="73"/>
      <c r="E157" s="74"/>
      <c r="F157" s="74"/>
      <c r="G157" s="74"/>
      <c r="H157" s="74" t="s">
        <v>151</v>
      </c>
      <c r="I157" s="74"/>
      <c r="J157" s="74"/>
      <c r="K157" s="74"/>
      <c r="L157" s="74"/>
      <c r="M157" s="72"/>
      <c r="N157" s="19"/>
      <c r="O157" s="20"/>
    </row>
    <row r="158" spans="2:15" s="42" customFormat="1" ht="15" customHeight="1">
      <c r="B158" s="75"/>
      <c r="C158" s="40">
        <v>91387</v>
      </c>
      <c r="D158" s="68"/>
      <c r="E158" s="71"/>
      <c r="F158" s="71"/>
      <c r="G158" s="71"/>
      <c r="H158" s="71" t="s">
        <v>152</v>
      </c>
      <c r="I158" s="71"/>
      <c r="J158" s="71"/>
      <c r="K158" s="71"/>
      <c r="L158" s="71"/>
      <c r="M158" s="72"/>
      <c r="N158" s="19"/>
      <c r="O158" s="20"/>
    </row>
    <row r="159" spans="2:15" s="42" customFormat="1" ht="15" customHeight="1">
      <c r="B159" s="67"/>
      <c r="C159" s="40">
        <v>284979</v>
      </c>
      <c r="D159" s="73"/>
      <c r="E159" s="74"/>
      <c r="F159" s="74"/>
      <c r="G159" s="74"/>
      <c r="H159" s="74" t="s">
        <v>153</v>
      </c>
      <c r="I159" s="74"/>
      <c r="J159" s="74"/>
      <c r="K159" s="74"/>
      <c r="L159" s="74"/>
      <c r="M159" s="72"/>
      <c r="N159" s="19"/>
      <c r="O159" s="20"/>
    </row>
    <row r="160" spans="2:15" s="42" customFormat="1" ht="15" customHeight="1">
      <c r="B160" s="67"/>
      <c r="C160" s="40">
        <v>284984</v>
      </c>
      <c r="D160" s="68"/>
      <c r="E160" s="71"/>
      <c r="F160" s="71"/>
      <c r="G160" s="71"/>
      <c r="H160" s="71" t="s">
        <v>154</v>
      </c>
      <c r="I160" s="71"/>
      <c r="J160" s="71"/>
      <c r="K160" s="71"/>
      <c r="L160" s="71"/>
      <c r="M160" s="72"/>
      <c r="N160" s="19"/>
      <c r="O160" s="20"/>
    </row>
    <row r="161" spans="2:15" s="42" customFormat="1" ht="15" customHeight="1">
      <c r="B161" s="67"/>
      <c r="C161" s="40">
        <v>300284</v>
      </c>
      <c r="D161" s="73"/>
      <c r="E161" s="74"/>
      <c r="F161" s="74"/>
      <c r="G161" s="74" t="s">
        <v>155</v>
      </c>
      <c r="H161" s="74"/>
      <c r="I161" s="74"/>
      <c r="J161" s="74"/>
      <c r="K161" s="74"/>
      <c r="L161" s="74"/>
      <c r="M161" s="72"/>
      <c r="N161" s="19"/>
      <c r="O161" s="20"/>
    </row>
    <row r="162" spans="2:15" s="42" customFormat="1" ht="15" customHeight="1">
      <c r="B162" s="67"/>
      <c r="C162" s="40">
        <v>300382</v>
      </c>
      <c r="D162" s="68"/>
      <c r="E162" s="71"/>
      <c r="F162" s="71"/>
      <c r="G162" s="71" t="s">
        <v>156</v>
      </c>
      <c r="H162" s="71"/>
      <c r="I162" s="71"/>
      <c r="J162" s="71"/>
      <c r="K162" s="71"/>
      <c r="L162" s="71"/>
      <c r="M162" s="72"/>
      <c r="N162" s="19"/>
      <c r="O162" s="20"/>
    </row>
    <row r="163" spans="2:15" s="42" customFormat="1" ht="15" customHeight="1">
      <c r="B163" s="75"/>
      <c r="C163" s="40">
        <v>182231</v>
      </c>
      <c r="D163" s="73"/>
      <c r="E163" s="74"/>
      <c r="F163" s="74" t="s">
        <v>157</v>
      </c>
      <c r="G163" s="70"/>
      <c r="H163" s="70"/>
      <c r="I163" s="70"/>
      <c r="J163" s="74"/>
      <c r="K163" s="74"/>
      <c r="L163" s="74"/>
      <c r="M163" s="72"/>
      <c r="N163" s="19"/>
      <c r="O163" s="20"/>
    </row>
    <row r="164" spans="2:15" s="42" customFormat="1" ht="15" customHeight="1">
      <c r="B164" s="67"/>
      <c r="C164" s="40">
        <v>92</v>
      </c>
      <c r="D164" s="73"/>
      <c r="E164" s="74"/>
      <c r="F164" s="74"/>
      <c r="G164" s="74" t="s">
        <v>158</v>
      </c>
      <c r="H164" s="70"/>
      <c r="I164" s="70"/>
      <c r="J164" s="74"/>
      <c r="K164" s="74"/>
      <c r="L164" s="74"/>
      <c r="M164" s="72"/>
      <c r="N164" s="19"/>
      <c r="O164" s="20"/>
    </row>
    <row r="165" spans="2:15" s="42" customFormat="1" ht="15" customHeight="1">
      <c r="B165" s="67"/>
      <c r="C165" s="40">
        <v>85408</v>
      </c>
      <c r="D165" s="73"/>
      <c r="E165" s="74"/>
      <c r="F165" s="74"/>
      <c r="G165" s="74"/>
      <c r="H165" s="74" t="s">
        <v>159</v>
      </c>
      <c r="I165" s="70"/>
      <c r="J165" s="74"/>
      <c r="K165" s="74"/>
      <c r="L165" s="74"/>
      <c r="M165" s="72"/>
      <c r="N165" s="19"/>
      <c r="O165" s="20"/>
    </row>
    <row r="166" spans="2:15" s="42" customFormat="1" ht="15" customHeight="1">
      <c r="B166" s="67"/>
      <c r="C166" s="40">
        <v>247854</v>
      </c>
      <c r="D166" s="73"/>
      <c r="E166" s="74"/>
      <c r="F166" s="74"/>
      <c r="G166" s="74"/>
      <c r="H166" s="74"/>
      <c r="I166" s="74" t="s">
        <v>160</v>
      </c>
      <c r="J166" s="74"/>
      <c r="K166" s="74"/>
      <c r="L166" s="74"/>
      <c r="M166" s="72"/>
      <c r="N166" s="19"/>
      <c r="O166" s="20"/>
    </row>
    <row r="167" spans="2:15" s="42" customFormat="1" ht="15" customHeight="1">
      <c r="B167" s="67"/>
      <c r="C167" s="40">
        <v>247861</v>
      </c>
      <c r="D167" s="68"/>
      <c r="E167" s="71"/>
      <c r="F167" s="71"/>
      <c r="G167" s="71"/>
      <c r="H167" s="71"/>
      <c r="I167" s="71" t="s">
        <v>161</v>
      </c>
      <c r="J167" s="71"/>
      <c r="K167" s="71"/>
      <c r="L167" s="71"/>
      <c r="M167" s="72"/>
      <c r="N167" s="19"/>
      <c r="O167" s="20"/>
    </row>
    <row r="168" spans="2:15" s="42" customFormat="1" ht="15" customHeight="1">
      <c r="B168" s="67"/>
      <c r="C168" s="40">
        <v>85410</v>
      </c>
      <c r="D168" s="73"/>
      <c r="E168" s="74"/>
      <c r="F168" s="74"/>
      <c r="G168" s="74"/>
      <c r="H168" s="74" t="s">
        <v>162</v>
      </c>
      <c r="I168" s="70"/>
      <c r="J168" s="74"/>
      <c r="K168" s="74"/>
      <c r="L168" s="74"/>
      <c r="M168" s="72"/>
      <c r="N168" s="19"/>
      <c r="O168" s="20"/>
    </row>
    <row r="169" spans="2:15" s="42" customFormat="1" ht="15" customHeight="1">
      <c r="B169" s="67"/>
      <c r="C169" s="40">
        <v>247839</v>
      </c>
      <c r="D169" s="73"/>
      <c r="E169" s="74"/>
      <c r="F169" s="74"/>
      <c r="G169" s="74"/>
      <c r="H169" s="74"/>
      <c r="I169" s="74" t="s">
        <v>163</v>
      </c>
      <c r="J169" s="74"/>
      <c r="K169" s="74"/>
      <c r="L169" s="74"/>
      <c r="M169" s="72"/>
      <c r="N169" s="19"/>
      <c r="O169" s="20"/>
    </row>
    <row r="170" spans="2:15" s="42" customFormat="1" ht="15" customHeight="1">
      <c r="B170" s="75"/>
      <c r="C170" s="40">
        <v>247846</v>
      </c>
      <c r="D170" s="68"/>
      <c r="E170" s="71"/>
      <c r="F170" s="71"/>
      <c r="G170" s="71"/>
      <c r="H170" s="71"/>
      <c r="I170" s="71" t="s">
        <v>164</v>
      </c>
      <c r="J170" s="71"/>
      <c r="K170" s="71"/>
      <c r="L170" s="71"/>
      <c r="M170" s="72"/>
      <c r="N170" s="19"/>
      <c r="O170" s="20"/>
    </row>
    <row r="171" spans="2:15" s="42" customFormat="1" ht="15" customHeight="1">
      <c r="B171" s="67"/>
      <c r="C171" s="40">
        <v>85414</v>
      </c>
      <c r="D171" s="73"/>
      <c r="E171" s="74"/>
      <c r="F171" s="74"/>
      <c r="G171" s="74"/>
      <c r="H171" s="74" t="s">
        <v>165</v>
      </c>
      <c r="I171" s="74"/>
      <c r="J171" s="74"/>
      <c r="K171" s="74"/>
      <c r="L171" s="74"/>
      <c r="M171" s="72"/>
      <c r="N171" s="19"/>
      <c r="O171" s="20"/>
    </row>
    <row r="172" spans="2:15" s="42" customFormat="1" ht="15" customHeight="1">
      <c r="B172" s="67"/>
      <c r="C172" s="40">
        <v>85435</v>
      </c>
      <c r="D172" s="68"/>
      <c r="E172" s="71"/>
      <c r="F172" s="71"/>
      <c r="G172" s="71"/>
      <c r="H172" s="71" t="s">
        <v>166</v>
      </c>
      <c r="I172" s="71"/>
      <c r="J172" s="71"/>
      <c r="K172" s="71"/>
      <c r="L172" s="71"/>
      <c r="M172" s="72"/>
      <c r="N172" s="19"/>
      <c r="O172" s="20"/>
    </row>
    <row r="173" spans="2:15" s="42" customFormat="1" ht="15" customHeight="1">
      <c r="B173" s="67"/>
      <c r="C173" s="40">
        <v>85436</v>
      </c>
      <c r="D173" s="73"/>
      <c r="E173" s="74"/>
      <c r="F173" s="74"/>
      <c r="G173" s="74"/>
      <c r="H173" s="74" t="s">
        <v>167</v>
      </c>
      <c r="I173" s="74"/>
      <c r="J173" s="74"/>
      <c r="K173" s="74"/>
      <c r="L173" s="74"/>
      <c r="M173" s="72"/>
      <c r="N173" s="19"/>
      <c r="O173" s="20"/>
    </row>
    <row r="174" spans="2:15" s="42" customFormat="1" ht="15" customHeight="1">
      <c r="B174" s="67"/>
      <c r="C174" s="40">
        <v>85438</v>
      </c>
      <c r="D174" s="68"/>
      <c r="E174" s="71"/>
      <c r="F174" s="71"/>
      <c r="G174" s="71"/>
      <c r="H174" s="71" t="s">
        <v>168</v>
      </c>
      <c r="I174" s="71"/>
      <c r="J174" s="71"/>
      <c r="K174" s="71"/>
      <c r="L174" s="71"/>
      <c r="M174" s="72"/>
      <c r="N174" s="19"/>
      <c r="O174" s="20"/>
    </row>
    <row r="175" spans="2:15" s="42" customFormat="1" ht="15" customHeight="1">
      <c r="B175" s="67"/>
      <c r="C175" s="40">
        <v>91140</v>
      </c>
      <c r="D175" s="73"/>
      <c r="E175" s="74"/>
      <c r="F175" s="74"/>
      <c r="G175" s="74"/>
      <c r="H175" s="74" t="s">
        <v>169</v>
      </c>
      <c r="I175" s="74"/>
      <c r="J175" s="74"/>
      <c r="K175" s="74"/>
      <c r="L175" s="74"/>
      <c r="M175" s="72"/>
      <c r="N175" s="19"/>
      <c r="O175" s="20"/>
    </row>
    <row r="176" spans="2:15" s="42" customFormat="1" ht="15" customHeight="1">
      <c r="B176" s="67"/>
      <c r="C176" s="40">
        <v>2054</v>
      </c>
      <c r="D176" s="68"/>
      <c r="E176" s="71"/>
      <c r="F176" s="71"/>
      <c r="G176" s="71" t="s">
        <v>170</v>
      </c>
      <c r="H176" s="71"/>
      <c r="I176" s="71"/>
      <c r="J176" s="71"/>
      <c r="K176" s="71"/>
      <c r="L176" s="71"/>
      <c r="M176" s="72"/>
      <c r="N176" s="19"/>
      <c r="O176" s="20"/>
    </row>
    <row r="177" spans="2:15" s="42" customFormat="1" ht="15" customHeight="1">
      <c r="B177" s="67"/>
      <c r="C177" s="40">
        <v>1416</v>
      </c>
      <c r="D177" s="73"/>
      <c r="E177" s="74"/>
      <c r="F177" s="74"/>
      <c r="G177" s="74" t="s">
        <v>171</v>
      </c>
      <c r="H177" s="70"/>
      <c r="I177" s="74"/>
      <c r="J177" s="74"/>
      <c r="K177" s="74"/>
      <c r="L177" s="74"/>
      <c r="M177" s="72"/>
      <c r="N177" s="19"/>
      <c r="O177" s="20"/>
    </row>
    <row r="178" spans="2:15" s="42" customFormat="1" ht="15" customHeight="1">
      <c r="B178" s="67"/>
      <c r="C178" s="40">
        <v>99781</v>
      </c>
      <c r="D178" s="73"/>
      <c r="E178" s="74"/>
      <c r="F178" s="74"/>
      <c r="G178" s="74"/>
      <c r="H178" s="74" t="s">
        <v>172</v>
      </c>
      <c r="I178" s="74"/>
      <c r="J178" s="74"/>
      <c r="K178" s="74"/>
      <c r="L178" s="74"/>
      <c r="M178" s="72"/>
      <c r="N178" s="19"/>
      <c r="O178" s="20"/>
    </row>
    <row r="179" spans="2:15" s="42" customFormat="1" ht="15" customHeight="1">
      <c r="B179" s="67"/>
      <c r="C179" s="40">
        <v>99782</v>
      </c>
      <c r="D179" s="68"/>
      <c r="E179" s="71"/>
      <c r="F179" s="71"/>
      <c r="G179" s="71"/>
      <c r="H179" s="71" t="s">
        <v>173</v>
      </c>
      <c r="I179" s="71"/>
      <c r="J179" s="71"/>
      <c r="K179" s="71"/>
      <c r="L179" s="71"/>
      <c r="M179" s="72"/>
      <c r="N179" s="19"/>
      <c r="O179" s="20"/>
    </row>
    <row r="180" spans="2:15" s="42" customFormat="1" ht="15" customHeight="1">
      <c r="B180" s="67"/>
      <c r="C180" s="40">
        <v>829</v>
      </c>
      <c r="D180" s="73"/>
      <c r="E180" s="74"/>
      <c r="F180" s="74"/>
      <c r="G180" s="74" t="s">
        <v>174</v>
      </c>
      <c r="H180" s="74"/>
      <c r="I180" s="74"/>
      <c r="J180" s="74"/>
      <c r="K180" s="74"/>
      <c r="L180" s="74"/>
      <c r="M180" s="72"/>
      <c r="N180" s="19"/>
      <c r="O180" s="20"/>
    </row>
    <row r="181" spans="2:15" s="42" customFormat="1" ht="15" customHeight="1">
      <c r="B181" s="75"/>
      <c r="C181" s="40">
        <v>37748</v>
      </c>
      <c r="D181" s="68"/>
      <c r="E181" s="71"/>
      <c r="F181" s="71"/>
      <c r="G181" s="71" t="s">
        <v>175</v>
      </c>
      <c r="H181" s="71"/>
      <c r="I181" s="71"/>
      <c r="J181" s="71"/>
      <c r="K181" s="71"/>
      <c r="L181" s="71"/>
      <c r="M181" s="72"/>
      <c r="N181" s="19"/>
      <c r="O181" s="20"/>
    </row>
    <row r="182" spans="2:15" s="42" customFormat="1" ht="15" customHeight="1">
      <c r="B182" s="67"/>
      <c r="C182" s="40">
        <v>47612</v>
      </c>
      <c r="D182" s="73"/>
      <c r="E182" s="74"/>
      <c r="F182" s="74"/>
      <c r="G182" s="74" t="s">
        <v>176</v>
      </c>
      <c r="H182" s="74"/>
      <c r="I182" s="74"/>
      <c r="J182" s="74"/>
      <c r="K182" s="74"/>
      <c r="L182" s="74"/>
      <c r="M182" s="72"/>
      <c r="N182" s="19"/>
      <c r="O182" s="20"/>
    </row>
    <row r="183" spans="2:15" s="42" customFormat="1" ht="15" customHeight="1">
      <c r="B183" s="67"/>
      <c r="C183" s="40">
        <v>66627</v>
      </c>
      <c r="D183" s="68"/>
      <c r="E183" s="71"/>
      <c r="F183" s="71"/>
      <c r="G183" s="71" t="s">
        <v>177</v>
      </c>
      <c r="H183" s="71"/>
      <c r="I183" s="71"/>
      <c r="J183" s="71"/>
      <c r="K183" s="71"/>
      <c r="L183" s="71"/>
      <c r="M183" s="72"/>
      <c r="N183" s="19"/>
      <c r="O183" s="20"/>
    </row>
    <row r="184" spans="2:15" s="42" customFormat="1" ht="15" customHeight="1">
      <c r="B184" s="67"/>
      <c r="C184" s="40">
        <v>79099</v>
      </c>
      <c r="D184" s="73"/>
      <c r="E184" s="74"/>
      <c r="F184" s="74"/>
      <c r="G184" s="74" t="s">
        <v>178</v>
      </c>
      <c r="H184" s="74"/>
      <c r="I184" s="74"/>
      <c r="J184" s="74"/>
      <c r="K184" s="74"/>
      <c r="L184" s="74"/>
      <c r="M184" s="72"/>
      <c r="N184" s="19"/>
      <c r="O184" s="20"/>
    </row>
    <row r="185" spans="2:15" s="42" customFormat="1" ht="15" customHeight="1">
      <c r="B185" s="75"/>
      <c r="C185" s="40">
        <v>93665</v>
      </c>
      <c r="D185" s="68"/>
      <c r="E185" s="71"/>
      <c r="F185" s="71"/>
      <c r="G185" s="71" t="s">
        <v>179</v>
      </c>
      <c r="H185" s="70"/>
      <c r="I185" s="70"/>
      <c r="J185" s="71"/>
      <c r="K185" s="71"/>
      <c r="L185" s="71"/>
      <c r="M185" s="72"/>
      <c r="N185" s="19"/>
      <c r="O185" s="20"/>
    </row>
    <row r="186" spans="2:15" s="42" customFormat="1" ht="15" customHeight="1">
      <c r="B186" s="67"/>
      <c r="C186" s="40">
        <v>324930</v>
      </c>
      <c r="D186" s="68"/>
      <c r="E186" s="71"/>
      <c r="F186" s="71"/>
      <c r="G186" s="71"/>
      <c r="H186" s="71" t="s">
        <v>180</v>
      </c>
      <c r="I186" s="70"/>
      <c r="J186" s="71"/>
      <c r="K186" s="71"/>
      <c r="L186" s="71"/>
      <c r="M186" s="72"/>
      <c r="N186" s="19"/>
      <c r="O186" s="20"/>
    </row>
    <row r="187" spans="2:15" s="42" customFormat="1" ht="15" customHeight="1">
      <c r="B187" s="67"/>
      <c r="C187" s="40">
        <v>90340</v>
      </c>
      <c r="D187" s="68"/>
      <c r="E187" s="71"/>
      <c r="F187" s="71"/>
      <c r="G187" s="71"/>
      <c r="H187" s="71"/>
      <c r="I187" s="71" t="s">
        <v>181</v>
      </c>
      <c r="J187" s="71"/>
      <c r="K187" s="71"/>
      <c r="L187" s="71"/>
      <c r="M187" s="72"/>
      <c r="N187" s="19"/>
      <c r="O187" s="20"/>
    </row>
    <row r="188" spans="2:15" s="42" customFormat="1" ht="15" customHeight="1">
      <c r="B188" s="67"/>
      <c r="C188" s="40">
        <v>251304</v>
      </c>
      <c r="D188" s="73"/>
      <c r="E188" s="74"/>
      <c r="F188" s="74"/>
      <c r="G188" s="74"/>
      <c r="H188" s="74"/>
      <c r="I188" s="74" t="s">
        <v>182</v>
      </c>
      <c r="J188" s="74"/>
      <c r="K188" s="74"/>
      <c r="L188" s="74"/>
      <c r="M188" s="72"/>
      <c r="N188" s="19"/>
      <c r="O188" s="20"/>
    </row>
    <row r="189" spans="2:15" s="42" customFormat="1" ht="15" customHeight="1">
      <c r="B189" s="67"/>
      <c r="C189" s="40">
        <v>797</v>
      </c>
      <c r="D189" s="68"/>
      <c r="E189" s="71"/>
      <c r="F189" s="71"/>
      <c r="G189" s="71"/>
      <c r="H189" s="71"/>
      <c r="I189" s="71" t="s">
        <v>65</v>
      </c>
      <c r="J189" s="71"/>
      <c r="K189" s="71"/>
      <c r="L189" s="71"/>
      <c r="M189" s="72"/>
      <c r="N189" s="19"/>
      <c r="O189" s="20"/>
    </row>
    <row r="190" spans="2:15" s="42" customFormat="1" ht="15" customHeight="1">
      <c r="B190" s="67"/>
      <c r="C190" s="40">
        <v>35687</v>
      </c>
      <c r="D190" s="73"/>
      <c r="E190" s="74"/>
      <c r="F190" s="74"/>
      <c r="G190" s="74"/>
      <c r="H190" s="74"/>
      <c r="I190" s="74" t="s">
        <v>132</v>
      </c>
      <c r="J190" s="74"/>
      <c r="K190" s="74"/>
      <c r="L190" s="74"/>
      <c r="M190" s="72"/>
      <c r="N190" s="19"/>
      <c r="O190" s="20"/>
    </row>
    <row r="191" spans="2:15" s="42" customFormat="1" ht="15" customHeight="1">
      <c r="B191" s="67"/>
      <c r="C191" s="40">
        <v>324933</v>
      </c>
      <c r="D191" s="68"/>
      <c r="E191" s="71"/>
      <c r="F191" s="71"/>
      <c r="G191" s="71"/>
      <c r="H191" s="71" t="s">
        <v>183</v>
      </c>
      <c r="I191" s="70"/>
      <c r="J191" s="71"/>
      <c r="K191" s="71"/>
      <c r="L191" s="71"/>
      <c r="M191" s="72"/>
      <c r="N191" s="19"/>
      <c r="O191" s="20"/>
    </row>
    <row r="192" spans="2:15" s="42" customFormat="1" ht="15" customHeight="1">
      <c r="B192" s="67"/>
      <c r="C192" s="40">
        <v>324530</v>
      </c>
      <c r="D192" s="68"/>
      <c r="E192" s="71"/>
      <c r="F192" s="71"/>
      <c r="G192" s="71"/>
      <c r="H192" s="71"/>
      <c r="I192" s="71" t="s">
        <v>184</v>
      </c>
      <c r="J192" s="71"/>
      <c r="K192" s="71"/>
      <c r="L192" s="71"/>
      <c r="M192" s="72"/>
      <c r="N192" s="19"/>
      <c r="O192" s="20"/>
    </row>
    <row r="193" spans="2:15" s="42" customFormat="1" ht="15" customHeight="1">
      <c r="B193" s="67"/>
      <c r="C193" s="40">
        <v>247871</v>
      </c>
      <c r="D193" s="73"/>
      <c r="E193" s="74"/>
      <c r="F193" s="74"/>
      <c r="G193" s="74"/>
      <c r="H193" s="74"/>
      <c r="I193" s="74" t="s">
        <v>185</v>
      </c>
      <c r="J193" s="74"/>
      <c r="K193" s="74"/>
      <c r="L193" s="74"/>
      <c r="M193" s="72"/>
      <c r="N193" s="19"/>
      <c r="O193" s="20"/>
    </row>
    <row r="194" spans="2:15" s="42" customFormat="1" ht="15" customHeight="1">
      <c r="B194" s="67"/>
      <c r="C194" s="40">
        <v>324936</v>
      </c>
      <c r="D194" s="68"/>
      <c r="E194" s="71"/>
      <c r="F194" s="71"/>
      <c r="G194" s="71"/>
      <c r="H194" s="71" t="s">
        <v>186</v>
      </c>
      <c r="I194" s="70"/>
      <c r="J194" s="71"/>
      <c r="K194" s="71"/>
      <c r="L194" s="71"/>
      <c r="M194" s="72"/>
      <c r="N194" s="19"/>
      <c r="O194" s="20"/>
    </row>
    <row r="195" spans="2:15" s="42" customFormat="1" ht="15" customHeight="1">
      <c r="B195" s="67"/>
      <c r="C195" s="40">
        <v>251307</v>
      </c>
      <c r="D195" s="68"/>
      <c r="E195" s="71"/>
      <c r="F195" s="71"/>
      <c r="G195" s="71"/>
      <c r="H195" s="71"/>
      <c r="I195" s="71" t="s">
        <v>187</v>
      </c>
      <c r="J195" s="71"/>
      <c r="K195" s="71"/>
      <c r="L195" s="71"/>
      <c r="M195" s="72"/>
      <c r="N195" s="19"/>
      <c r="O195" s="20"/>
    </row>
    <row r="196" spans="2:15" s="42" customFormat="1" ht="15" customHeight="1">
      <c r="B196" s="67"/>
      <c r="C196" s="40">
        <v>117</v>
      </c>
      <c r="D196" s="73"/>
      <c r="E196" s="74"/>
      <c r="F196" s="74"/>
      <c r="G196" s="74"/>
      <c r="H196" s="74"/>
      <c r="I196" s="74" t="s">
        <v>20</v>
      </c>
      <c r="J196" s="74"/>
      <c r="K196" s="74"/>
      <c r="L196" s="74"/>
      <c r="M196" s="72"/>
      <c r="N196" s="19"/>
      <c r="O196" s="20"/>
    </row>
    <row r="197" spans="2:15" s="42" customFormat="1" ht="15" customHeight="1">
      <c r="B197" s="67"/>
      <c r="C197" s="40">
        <v>324972</v>
      </c>
      <c r="D197" s="68"/>
      <c r="E197" s="71"/>
      <c r="F197" s="71"/>
      <c r="G197" s="71"/>
      <c r="H197" s="71"/>
      <c r="I197" s="71" t="s">
        <v>188</v>
      </c>
      <c r="J197" s="71"/>
      <c r="K197" s="71"/>
      <c r="L197" s="71"/>
      <c r="M197" s="72"/>
      <c r="N197" s="19"/>
      <c r="O197" s="20"/>
    </row>
    <row r="198" spans="2:15" s="42" customFormat="1" ht="15" customHeight="1">
      <c r="B198" s="67"/>
      <c r="C198" s="40">
        <v>324977</v>
      </c>
      <c r="D198" s="73"/>
      <c r="E198" s="74"/>
      <c r="F198" s="74"/>
      <c r="G198" s="74"/>
      <c r="H198" s="74"/>
      <c r="I198" s="74" t="s">
        <v>189</v>
      </c>
      <c r="J198" s="70"/>
      <c r="K198" s="74"/>
      <c r="L198" s="74"/>
      <c r="M198" s="72"/>
      <c r="N198" s="19"/>
      <c r="O198" s="20"/>
    </row>
    <row r="199" spans="2:15" s="42" customFormat="1" ht="15" customHeight="1">
      <c r="B199" s="67"/>
      <c r="C199" s="40">
        <v>324999</v>
      </c>
      <c r="D199" s="73"/>
      <c r="E199" s="74"/>
      <c r="F199" s="74"/>
      <c r="G199" s="74"/>
      <c r="H199" s="74"/>
      <c r="I199" s="74"/>
      <c r="J199" s="74" t="s">
        <v>190</v>
      </c>
      <c r="K199" s="74"/>
      <c r="L199" s="74"/>
      <c r="M199" s="72"/>
      <c r="N199" s="19"/>
      <c r="O199" s="20"/>
    </row>
    <row r="200" spans="2:15" s="42" customFormat="1" ht="15" customHeight="1">
      <c r="B200" s="67"/>
      <c r="C200" s="40">
        <v>325004</v>
      </c>
      <c r="D200" s="68"/>
      <c r="E200" s="71"/>
      <c r="F200" s="71"/>
      <c r="G200" s="71"/>
      <c r="H200" s="71"/>
      <c r="I200" s="71"/>
      <c r="J200" s="71" t="s">
        <v>191</v>
      </c>
      <c r="K200" s="71"/>
      <c r="L200" s="71"/>
      <c r="M200" s="72"/>
      <c r="N200" s="19"/>
      <c r="O200" s="20"/>
    </row>
    <row r="201" spans="2:15" s="42" customFormat="1" ht="15" customHeight="1">
      <c r="B201" s="67"/>
      <c r="C201" s="40">
        <v>2615</v>
      </c>
      <c r="D201" s="73"/>
      <c r="E201" s="74"/>
      <c r="F201" s="74"/>
      <c r="G201" s="74"/>
      <c r="H201" s="74"/>
      <c r="I201" s="74"/>
      <c r="J201" s="74" t="s">
        <v>192</v>
      </c>
      <c r="K201" s="74"/>
      <c r="L201" s="74"/>
      <c r="M201" s="72"/>
      <c r="N201" s="19"/>
      <c r="O201" s="20"/>
    </row>
    <row r="202" spans="2:15" s="42" customFormat="1" ht="15" customHeight="1">
      <c r="B202" s="67"/>
      <c r="C202" s="40">
        <v>324927</v>
      </c>
      <c r="D202" s="68"/>
      <c r="E202" s="71"/>
      <c r="F202" s="71"/>
      <c r="G202" s="71"/>
      <c r="H202" s="71" t="s">
        <v>193</v>
      </c>
      <c r="I202" s="70"/>
      <c r="J202" s="71"/>
      <c r="K202" s="71"/>
      <c r="L202" s="71"/>
      <c r="M202" s="72"/>
      <c r="N202" s="19"/>
      <c r="O202" s="20"/>
    </row>
    <row r="203" spans="2:15" s="42" customFormat="1" ht="15" customHeight="1">
      <c r="B203" s="67"/>
      <c r="C203" s="40">
        <v>289478</v>
      </c>
      <c r="D203" s="68"/>
      <c r="E203" s="71"/>
      <c r="F203" s="71"/>
      <c r="G203" s="71"/>
      <c r="H203" s="71"/>
      <c r="I203" s="71" t="s">
        <v>194</v>
      </c>
      <c r="J203" s="71"/>
      <c r="K203" s="71"/>
      <c r="L203" s="71"/>
      <c r="M203" s="72"/>
      <c r="N203" s="19"/>
      <c r="O203" s="20"/>
    </row>
    <row r="204" spans="2:15" s="42" customFormat="1" ht="15" customHeight="1">
      <c r="B204" s="67"/>
      <c r="C204" s="40">
        <v>48104</v>
      </c>
      <c r="D204" s="73"/>
      <c r="E204" s="74"/>
      <c r="F204" s="74"/>
      <c r="G204" s="74"/>
      <c r="H204" s="74"/>
      <c r="I204" s="74" t="s">
        <v>195</v>
      </c>
      <c r="J204" s="74"/>
      <c r="K204" s="74"/>
      <c r="L204" s="74"/>
      <c r="M204" s="72"/>
      <c r="N204" s="19"/>
      <c r="O204" s="20"/>
    </row>
    <row r="205" spans="2:15" s="42" customFormat="1" ht="15" customHeight="1">
      <c r="B205" s="67"/>
      <c r="C205" s="40">
        <v>324964</v>
      </c>
      <c r="D205" s="68"/>
      <c r="E205" s="71"/>
      <c r="F205" s="71"/>
      <c r="G205" s="71"/>
      <c r="H205" s="71"/>
      <c r="I205" s="71" t="s">
        <v>196</v>
      </c>
      <c r="J205" s="70"/>
      <c r="K205" s="71"/>
      <c r="L205" s="71"/>
      <c r="M205" s="72"/>
      <c r="N205" s="19"/>
      <c r="O205" s="20"/>
    </row>
    <row r="206" spans="2:15" s="42" customFormat="1" ht="15" customHeight="1">
      <c r="B206" s="67"/>
      <c r="C206" s="40">
        <v>2778</v>
      </c>
      <c r="D206" s="68"/>
      <c r="E206" s="71"/>
      <c r="F206" s="71"/>
      <c r="G206" s="71"/>
      <c r="H206" s="71"/>
      <c r="I206" s="71"/>
      <c r="J206" s="71" t="s">
        <v>197</v>
      </c>
      <c r="K206" s="71"/>
      <c r="L206" s="71"/>
      <c r="M206" s="72"/>
      <c r="N206" s="19"/>
      <c r="O206" s="20"/>
    </row>
    <row r="207" spans="2:15" s="42" customFormat="1" ht="15" customHeight="1">
      <c r="B207" s="67"/>
      <c r="C207" s="40">
        <v>93668</v>
      </c>
      <c r="D207" s="73"/>
      <c r="E207" s="74"/>
      <c r="F207" s="74"/>
      <c r="G207" s="74"/>
      <c r="H207" s="74"/>
      <c r="I207" s="74"/>
      <c r="J207" s="74" t="s">
        <v>198</v>
      </c>
      <c r="K207" s="74"/>
      <c r="L207" s="74"/>
      <c r="M207" s="72"/>
      <c r="N207" s="19"/>
      <c r="O207" s="20"/>
    </row>
    <row r="208" spans="2:15" s="42" customFormat="1" ht="15" customHeight="1">
      <c r="B208" s="67"/>
      <c r="C208" s="40">
        <v>77297</v>
      </c>
      <c r="D208" s="68"/>
      <c r="E208" s="71"/>
      <c r="F208" s="71"/>
      <c r="G208" s="71"/>
      <c r="H208" s="71"/>
      <c r="I208" s="71" t="s">
        <v>199</v>
      </c>
      <c r="J208" s="71"/>
      <c r="K208" s="71"/>
      <c r="L208" s="71"/>
      <c r="M208" s="72"/>
      <c r="N208" s="19"/>
      <c r="O208" s="20"/>
    </row>
    <row r="209" spans="2:15" s="42" customFormat="1" ht="15" customHeight="1">
      <c r="B209" s="67"/>
      <c r="C209" s="40">
        <v>247353</v>
      </c>
      <c r="D209" s="73"/>
      <c r="E209" s="74"/>
      <c r="F209" s="74"/>
      <c r="G209" s="74"/>
      <c r="H209" s="74"/>
      <c r="I209" s="74" t="s">
        <v>200</v>
      </c>
      <c r="J209" s="74"/>
      <c r="K209" s="74"/>
      <c r="L209" s="74"/>
      <c r="M209" s="72"/>
      <c r="N209" s="19"/>
      <c r="O209" s="20"/>
    </row>
    <row r="210" spans="2:15" s="42" customFormat="1" ht="15" customHeight="1">
      <c r="B210" s="67"/>
      <c r="C210" s="40">
        <v>69126</v>
      </c>
      <c r="D210" s="68"/>
      <c r="E210" s="71"/>
      <c r="F210" s="71"/>
      <c r="G210" s="71"/>
      <c r="H210" s="71"/>
      <c r="I210" s="71" t="s">
        <v>201</v>
      </c>
      <c r="J210" s="71"/>
      <c r="K210" s="71"/>
      <c r="L210" s="71"/>
      <c r="M210" s="72"/>
      <c r="N210" s="19"/>
      <c r="O210" s="20"/>
    </row>
    <row r="211" spans="2:15" s="42" customFormat="1" ht="15" customHeight="1">
      <c r="B211" s="67"/>
      <c r="C211" s="40">
        <v>793</v>
      </c>
      <c r="D211" s="73"/>
      <c r="E211" s="74"/>
      <c r="F211" s="74"/>
      <c r="G211" s="74"/>
      <c r="H211" s="74"/>
      <c r="I211" s="74" t="s">
        <v>202</v>
      </c>
      <c r="J211" s="70"/>
      <c r="K211" s="74"/>
      <c r="L211" s="74"/>
      <c r="M211" s="72"/>
      <c r="N211" s="19"/>
      <c r="O211" s="20"/>
    </row>
    <row r="212" spans="2:15" s="42" customFormat="1" ht="15" customHeight="1">
      <c r="B212" s="75"/>
      <c r="C212" s="40">
        <v>324989</v>
      </c>
      <c r="D212" s="73"/>
      <c r="E212" s="74"/>
      <c r="F212" s="74"/>
      <c r="G212" s="74"/>
      <c r="H212" s="74"/>
      <c r="I212" s="74"/>
      <c r="J212" s="74" t="s">
        <v>203</v>
      </c>
      <c r="K212" s="74"/>
      <c r="L212" s="74"/>
      <c r="M212" s="72"/>
      <c r="N212" s="19"/>
      <c r="O212" s="20"/>
    </row>
    <row r="213" spans="2:15" s="42" customFormat="1" ht="15" customHeight="1">
      <c r="B213" s="67"/>
      <c r="C213" s="40">
        <v>324982</v>
      </c>
      <c r="D213" s="68"/>
      <c r="E213" s="71"/>
      <c r="F213" s="71"/>
      <c r="G213" s="71"/>
      <c r="H213" s="71"/>
      <c r="I213" s="71"/>
      <c r="J213" s="71" t="s">
        <v>204</v>
      </c>
      <c r="K213" s="71"/>
      <c r="L213" s="71"/>
      <c r="M213" s="72"/>
      <c r="N213" s="19"/>
      <c r="O213" s="20"/>
    </row>
    <row r="214" spans="2:15" s="42" customFormat="1" ht="15" customHeight="1">
      <c r="B214" s="67"/>
      <c r="C214" s="40">
        <v>210115</v>
      </c>
      <c r="D214" s="73"/>
      <c r="E214" s="74"/>
      <c r="F214" s="74"/>
      <c r="G214" s="74"/>
      <c r="H214" s="74"/>
      <c r="I214" s="74" t="s">
        <v>205</v>
      </c>
      <c r="J214" s="74"/>
      <c r="K214" s="74"/>
      <c r="L214" s="74"/>
      <c r="M214" s="72"/>
      <c r="N214" s="19"/>
      <c r="O214" s="20"/>
    </row>
    <row r="215" spans="2:15" s="42" customFormat="1" ht="15" customHeight="1">
      <c r="B215" s="67"/>
      <c r="C215" s="40">
        <v>101995</v>
      </c>
      <c r="D215" s="68"/>
      <c r="E215" s="71"/>
      <c r="F215" s="71"/>
      <c r="G215" s="71"/>
      <c r="H215" s="71" t="s">
        <v>206</v>
      </c>
      <c r="I215" s="70"/>
      <c r="J215" s="70"/>
      <c r="K215" s="71"/>
      <c r="L215" s="71"/>
      <c r="M215" s="72"/>
      <c r="N215" s="19"/>
      <c r="O215" s="20"/>
    </row>
    <row r="216" spans="2:15">
      <c r="B216" s="76"/>
      <c r="C216" s="40">
        <v>324924</v>
      </c>
      <c r="D216" s="68"/>
      <c r="E216" s="71"/>
      <c r="F216" s="71"/>
      <c r="G216" s="71"/>
      <c r="H216" s="71"/>
      <c r="I216" s="71" t="s">
        <v>207</v>
      </c>
      <c r="J216" s="70"/>
      <c r="K216" s="71"/>
      <c r="L216" s="71"/>
      <c r="M216" s="77"/>
      <c r="N216" s="63"/>
      <c r="O216" s="64"/>
    </row>
    <row r="217" spans="2:15">
      <c r="B217" s="76"/>
      <c r="C217" s="40">
        <v>247868</v>
      </c>
      <c r="D217" s="68"/>
      <c r="E217" s="71"/>
      <c r="F217" s="71"/>
      <c r="G217" s="71"/>
      <c r="H217" s="71"/>
      <c r="I217" s="71"/>
      <c r="J217" s="71" t="s">
        <v>208</v>
      </c>
      <c r="K217" s="71"/>
      <c r="L217" s="71"/>
      <c r="M217" s="77"/>
      <c r="N217" s="63"/>
      <c r="O217" s="64"/>
    </row>
    <row r="218" spans="2:15">
      <c r="B218" s="76"/>
      <c r="C218" s="40">
        <v>208650</v>
      </c>
      <c r="D218" s="73"/>
      <c r="E218" s="74"/>
      <c r="F218" s="74"/>
      <c r="G218" s="74"/>
      <c r="H218" s="74"/>
      <c r="I218" s="74"/>
      <c r="J218" s="74" t="s">
        <v>209</v>
      </c>
      <c r="K218" s="70"/>
      <c r="L218" s="74"/>
      <c r="M218" s="77"/>
      <c r="N218" s="63"/>
      <c r="O218" s="64"/>
    </row>
    <row r="219" spans="2:15">
      <c r="B219" s="76"/>
      <c r="C219" s="40">
        <v>575</v>
      </c>
      <c r="D219" s="73"/>
      <c r="E219" s="74"/>
      <c r="F219" s="74"/>
      <c r="G219" s="74"/>
      <c r="H219" s="74"/>
      <c r="I219" s="74"/>
      <c r="J219" s="74"/>
      <c r="K219" s="74" t="s">
        <v>210</v>
      </c>
      <c r="L219" s="74"/>
      <c r="M219" s="77"/>
      <c r="N219" s="63"/>
      <c r="O219" s="64"/>
    </row>
    <row r="220" spans="2:15">
      <c r="B220" s="76"/>
      <c r="C220" s="40">
        <v>1451</v>
      </c>
      <c r="D220" s="68"/>
      <c r="E220" s="71"/>
      <c r="F220" s="71"/>
      <c r="G220" s="71"/>
      <c r="H220" s="71"/>
      <c r="I220" s="71"/>
      <c r="J220" s="71"/>
      <c r="K220" s="71" t="s">
        <v>211</v>
      </c>
      <c r="L220" s="70"/>
      <c r="M220" s="77"/>
      <c r="N220" s="63"/>
      <c r="O220" s="64"/>
    </row>
    <row r="221" spans="2:15">
      <c r="B221" s="76"/>
      <c r="C221" s="40">
        <v>93365</v>
      </c>
      <c r="D221" s="68"/>
      <c r="E221" s="71"/>
      <c r="F221" s="71"/>
      <c r="G221" s="71"/>
      <c r="H221" s="71"/>
      <c r="I221" s="71"/>
      <c r="J221" s="71"/>
      <c r="K221" s="71"/>
      <c r="L221" s="71" t="s">
        <v>212</v>
      </c>
      <c r="M221" s="77"/>
      <c r="N221" s="63"/>
      <c r="O221" s="64"/>
    </row>
    <row r="222" spans="2:15">
      <c r="B222" s="76"/>
      <c r="C222" s="40">
        <v>93367</v>
      </c>
      <c r="D222" s="73"/>
      <c r="E222" s="74"/>
      <c r="F222" s="74"/>
      <c r="G222" s="74"/>
      <c r="H222" s="74"/>
      <c r="I222" s="74"/>
      <c r="J222" s="74"/>
      <c r="K222" s="74"/>
      <c r="L222" s="74" t="s">
        <v>213</v>
      </c>
      <c r="M222" s="77"/>
      <c r="N222" s="63"/>
      <c r="O222" s="64"/>
    </row>
    <row r="223" spans="2:15">
      <c r="B223" s="76"/>
      <c r="C223" s="40">
        <v>47045</v>
      </c>
      <c r="D223" s="68"/>
      <c r="E223" s="71"/>
      <c r="F223" s="71"/>
      <c r="G223" s="71"/>
      <c r="H223" s="71"/>
      <c r="I223" s="71"/>
      <c r="J223" s="71"/>
      <c r="K223" s="71" t="s">
        <v>214</v>
      </c>
      <c r="L223" s="71"/>
      <c r="M223" s="77"/>
      <c r="N223" s="63"/>
      <c r="O223" s="64"/>
    </row>
    <row r="224" spans="2:15">
      <c r="B224" s="76"/>
      <c r="C224" s="40">
        <v>342</v>
      </c>
      <c r="D224" s="73"/>
      <c r="E224" s="74"/>
      <c r="F224" s="74"/>
      <c r="G224" s="74"/>
      <c r="H224" s="74"/>
      <c r="I224" s="74"/>
      <c r="J224" s="74" t="s">
        <v>215</v>
      </c>
      <c r="K224" s="74"/>
      <c r="L224" s="74"/>
      <c r="M224" s="77"/>
      <c r="N224" s="63"/>
      <c r="O224" s="64"/>
    </row>
    <row r="225" spans="2:15">
      <c r="B225" s="76"/>
      <c r="C225" s="40">
        <v>343</v>
      </c>
      <c r="D225" s="68"/>
      <c r="E225" s="71"/>
      <c r="F225" s="71"/>
      <c r="G225" s="71"/>
      <c r="H225" s="71"/>
      <c r="I225" s="71"/>
      <c r="J225" s="71" t="s">
        <v>216</v>
      </c>
      <c r="K225" s="71"/>
      <c r="L225" s="71"/>
      <c r="M225" s="77"/>
      <c r="N225" s="63"/>
      <c r="O225" s="64"/>
    </row>
    <row r="226" spans="2:15">
      <c r="B226" s="76"/>
      <c r="C226" s="40">
        <v>32960</v>
      </c>
      <c r="D226" s="73"/>
      <c r="E226" s="74"/>
      <c r="F226" s="74"/>
      <c r="G226" s="74"/>
      <c r="H226" s="74"/>
      <c r="I226" s="74"/>
      <c r="J226" s="74" t="s">
        <v>217</v>
      </c>
      <c r="K226" s="74"/>
      <c r="L226" s="74"/>
      <c r="M226" s="77"/>
      <c r="N226" s="63"/>
      <c r="O226" s="64"/>
    </row>
    <row r="227" spans="2:15">
      <c r="B227" s="76"/>
      <c r="C227" s="40">
        <v>102237</v>
      </c>
      <c r="D227" s="68"/>
      <c r="E227" s="71"/>
      <c r="F227" s="71"/>
      <c r="G227" s="71"/>
      <c r="H227" s="71"/>
      <c r="I227" s="71" t="s">
        <v>218</v>
      </c>
      <c r="J227" s="70"/>
      <c r="K227" s="71"/>
      <c r="L227" s="71"/>
      <c r="M227" s="77"/>
      <c r="N227" s="63"/>
      <c r="O227" s="64"/>
    </row>
    <row r="228" spans="2:15">
      <c r="B228" s="76"/>
      <c r="C228" s="40">
        <v>37748</v>
      </c>
      <c r="D228" s="68"/>
      <c r="E228" s="71"/>
      <c r="F228" s="71"/>
      <c r="G228" s="71"/>
      <c r="H228" s="71"/>
      <c r="I228" s="71"/>
      <c r="J228" s="71" t="s">
        <v>175</v>
      </c>
      <c r="K228" s="71"/>
      <c r="L228" s="71"/>
      <c r="M228" s="77"/>
      <c r="N228" s="63"/>
      <c r="O228" s="64"/>
    </row>
    <row r="229" spans="2:15">
      <c r="B229" s="76"/>
      <c r="C229" s="40">
        <v>42642</v>
      </c>
      <c r="D229" s="73"/>
      <c r="E229" s="74"/>
      <c r="F229" s="74"/>
      <c r="G229" s="74"/>
      <c r="H229" s="74"/>
      <c r="I229" s="74"/>
      <c r="J229" s="74" t="s">
        <v>219</v>
      </c>
      <c r="K229" s="74"/>
      <c r="L229" s="74"/>
      <c r="M229" s="77"/>
      <c r="N229" s="63"/>
      <c r="O229" s="64"/>
    </row>
    <row r="230" spans="2:15">
      <c r="B230" s="76"/>
      <c r="C230" s="40">
        <v>93688</v>
      </c>
      <c r="D230" s="68"/>
      <c r="E230" s="71"/>
      <c r="F230" s="71"/>
      <c r="G230" s="71" t="s">
        <v>220</v>
      </c>
      <c r="H230" s="70"/>
      <c r="I230" s="71"/>
      <c r="J230" s="71"/>
      <c r="K230" s="71"/>
      <c r="L230" s="71"/>
      <c r="M230" s="77"/>
      <c r="N230" s="63"/>
      <c r="O230" s="64"/>
    </row>
    <row r="231" spans="2:15">
      <c r="B231" s="76"/>
      <c r="C231" s="40">
        <v>29207</v>
      </c>
      <c r="D231" s="68"/>
      <c r="E231" s="71"/>
      <c r="F231" s="71"/>
      <c r="G231" s="71"/>
      <c r="H231" s="71" t="s">
        <v>221</v>
      </c>
      <c r="I231" s="71"/>
      <c r="J231" s="71"/>
      <c r="K231" s="71"/>
      <c r="L231" s="71"/>
      <c r="M231" s="77"/>
      <c r="N231" s="63"/>
      <c r="O231" s="64"/>
    </row>
    <row r="232" spans="2:15" ht="15.75" thickBot="1">
      <c r="B232" s="78"/>
      <c r="C232" s="41">
        <v>99706</v>
      </c>
      <c r="D232" s="79"/>
      <c r="E232" s="80"/>
      <c r="F232" s="80"/>
      <c r="G232" s="80" t="s">
        <v>222</v>
      </c>
      <c r="H232" s="80"/>
      <c r="I232" s="80"/>
      <c r="J232" s="80"/>
      <c r="K232" s="80"/>
      <c r="L232" s="80"/>
      <c r="M232" s="81"/>
      <c r="N232" s="65"/>
      <c r="O232" s="66"/>
    </row>
    <row r="233" spans="2:15">
      <c r="B233" s="16"/>
      <c r="D233" s="42"/>
      <c r="E233" s="42"/>
      <c r="F233" s="42"/>
      <c r="G233" s="42"/>
      <c r="H233" s="42"/>
      <c r="I233" s="42"/>
      <c r="J233" s="42"/>
      <c r="K233" s="42"/>
      <c r="L233" s="42"/>
      <c r="M233" s="42"/>
    </row>
    <row r="234" spans="2:15">
      <c r="B234" s="16"/>
      <c r="C234" s="82" t="s">
        <v>224</v>
      </c>
      <c r="D234" s="42"/>
      <c r="E234" s="42"/>
      <c r="F234" s="42"/>
      <c r="G234" s="42"/>
      <c r="H234" s="42"/>
      <c r="I234" s="42"/>
      <c r="J234" s="42"/>
      <c r="K234" s="42"/>
      <c r="L234" s="42"/>
      <c r="M234" s="42"/>
    </row>
    <row r="235" spans="2:15">
      <c r="B235" s="16"/>
      <c r="D235" s="42"/>
      <c r="E235" s="42"/>
      <c r="F235" s="42"/>
      <c r="G235" s="42"/>
      <c r="H235" s="42"/>
      <c r="I235" s="42"/>
      <c r="J235" s="42"/>
      <c r="K235" s="42"/>
      <c r="L235" s="42"/>
      <c r="M235" s="42"/>
    </row>
    <row r="236" spans="2:15">
      <c r="D236" s="42"/>
      <c r="E236" s="42"/>
      <c r="F236" s="42"/>
      <c r="G236" s="42"/>
      <c r="H236" s="42"/>
      <c r="I236" s="42"/>
      <c r="J236" s="42"/>
      <c r="K236" s="42"/>
      <c r="L236" s="42"/>
    </row>
    <row r="237" spans="2:15">
      <c r="D237" s="42"/>
      <c r="E237" s="42"/>
      <c r="F237" s="42"/>
      <c r="G237" s="42"/>
      <c r="H237" s="42"/>
      <c r="I237" s="42"/>
      <c r="J237" s="42"/>
      <c r="K237" s="42"/>
      <c r="L237" s="42"/>
    </row>
  </sheetData>
  <sheetProtection password="98D8" sheet="1" objects="1" scenarios="1" selectLockedCells="1"/>
  <mergeCells count="6">
    <mergeCell ref="C6:E6"/>
    <mergeCell ref="C7:E7"/>
    <mergeCell ref="E9:M9"/>
    <mergeCell ref="L3:O3"/>
    <mergeCell ref="L6:O6"/>
    <mergeCell ref="L7:O7"/>
  </mergeCells>
  <pageMargins left="0.75" right="0.75" top="1" bottom="1" header="0.5" footer="0.5"/>
  <extLst>
    <ext xmlns:mx="http://schemas.microsoft.com/office/mac/excel/2008/main" uri="{64002731-A6B0-56B0-2670-7721B7C09600}">
      <mx:PLV Mode="0" OnePage="0" WScale="0"/>
    </ext>
  </extLst>
</worksheet>
</file>

<file path=xl/worksheets/sheet2.xml><?xml version="1.0" encoding="utf-8"?>
<worksheet xmlns="http://schemas.openxmlformats.org/spreadsheetml/2006/main" xmlns:r="http://schemas.openxmlformats.org/officeDocument/2006/relationships">
  <dimension ref="A1:O32"/>
  <sheetViews>
    <sheetView zoomScale="90" zoomScaleNormal="90" workbookViewId="0">
      <pane ySplit="9" topLeftCell="A10" activePane="bottomLeft" state="frozen"/>
      <selection activeCell="C1" sqref="C1"/>
      <selection pane="bottomLeft" activeCell="L3" sqref="L3:O3"/>
    </sheetView>
  </sheetViews>
  <sheetFormatPr baseColWidth="10" defaultRowHeight="15"/>
  <cols>
    <col min="1" max="1" width="11.42578125" style="16" hidden="1" customWidth="1"/>
    <col min="2" max="2" width="6.42578125" style="17" hidden="1" customWidth="1"/>
    <col min="3" max="3" width="10.85546875" style="16" customWidth="1"/>
    <col min="4" max="4" width="1.42578125" style="16" customWidth="1"/>
    <col min="5" max="12" width="3.5703125" style="16" customWidth="1"/>
    <col min="13" max="13" width="100.7109375" style="16" customWidth="1"/>
    <col min="14" max="14" width="20.85546875" style="16" customWidth="1"/>
    <col min="15" max="15" width="24.28515625" style="16" customWidth="1"/>
    <col min="16" max="16384" width="11.42578125" style="16"/>
  </cols>
  <sheetData>
    <row r="1" spans="2:15" ht="5.25" customHeight="1">
      <c r="B1" s="15"/>
      <c r="F1" s="17"/>
      <c r="G1" s="17"/>
      <c r="H1" s="17"/>
    </row>
    <row r="2" spans="2:15" ht="4.5" customHeight="1">
      <c r="B2" s="16"/>
      <c r="C2" s="1"/>
      <c r="D2" s="2"/>
      <c r="E2" s="2"/>
      <c r="F2" s="3"/>
      <c r="G2" s="3"/>
      <c r="H2" s="3"/>
      <c r="I2" s="3"/>
      <c r="J2" s="3"/>
      <c r="K2" s="3"/>
      <c r="L2" s="21"/>
      <c r="M2" s="18"/>
      <c r="N2" s="18"/>
      <c r="O2" s="22"/>
    </row>
    <row r="3" spans="2:15" s="23" customFormat="1" ht="21.75" thickBot="1">
      <c r="C3" s="4" t="s">
        <v>1</v>
      </c>
      <c r="D3" s="5"/>
      <c r="E3" s="5"/>
      <c r="F3" s="24"/>
      <c r="G3" s="25"/>
      <c r="H3" s="25"/>
      <c r="I3" s="25"/>
      <c r="J3" s="25"/>
      <c r="K3" s="25"/>
      <c r="L3" s="57"/>
      <c r="M3" s="58"/>
      <c r="N3" s="58"/>
      <c r="O3" s="59"/>
    </row>
    <row r="4" spans="2:15" s="23" customFormat="1" ht="4.5" customHeight="1">
      <c r="C4" s="6"/>
      <c r="D4" s="7"/>
      <c r="E4" s="7"/>
      <c r="F4" s="8"/>
      <c r="G4" s="9"/>
      <c r="H4" s="9"/>
      <c r="I4" s="9"/>
      <c r="J4" s="9"/>
      <c r="K4" s="9"/>
      <c r="L4" s="26"/>
      <c r="M4" s="27"/>
      <c r="N4" s="27"/>
      <c r="O4" s="28"/>
    </row>
    <row r="5" spans="2:15" ht="7.5" customHeight="1">
      <c r="B5" s="16"/>
      <c r="C5" s="17"/>
      <c r="G5" s="17"/>
      <c r="H5" s="17"/>
      <c r="I5" s="17"/>
      <c r="J5" s="17"/>
      <c r="K5" s="17"/>
      <c r="M5" s="29"/>
      <c r="N5" s="29"/>
      <c r="O5" s="29"/>
    </row>
    <row r="6" spans="2:15" s="30" customFormat="1" ht="22.5" customHeight="1">
      <c r="C6" s="13" t="s">
        <v>2</v>
      </c>
      <c r="D6" s="14"/>
      <c r="E6" s="31"/>
      <c r="F6" s="12"/>
      <c r="G6" s="32"/>
      <c r="H6" s="32"/>
      <c r="I6" s="32"/>
      <c r="J6" s="32"/>
      <c r="K6" s="32"/>
      <c r="L6" s="60"/>
      <c r="M6" s="61"/>
      <c r="N6" s="61"/>
      <c r="O6" s="62"/>
    </row>
    <row r="7" spans="2:15" s="30" customFormat="1" ht="22.5" customHeight="1">
      <c r="C7" s="13" t="s">
        <v>3</v>
      </c>
      <c r="D7" s="14"/>
      <c r="E7" s="31"/>
      <c r="F7" s="12"/>
      <c r="G7" s="32"/>
      <c r="H7" s="32"/>
      <c r="I7" s="32"/>
      <c r="J7" s="32"/>
      <c r="K7" s="32"/>
      <c r="L7" s="60"/>
      <c r="M7" s="61"/>
      <c r="N7" s="61"/>
      <c r="O7" s="62"/>
    </row>
    <row r="8" spans="2:15" ht="7.5" customHeight="1" thickBot="1">
      <c r="F8" s="17"/>
      <c r="G8" s="17"/>
      <c r="H8" s="17"/>
    </row>
    <row r="9" spans="2:15" s="33" customFormat="1" ht="60" customHeight="1">
      <c r="B9" s="34" t="s">
        <v>4</v>
      </c>
      <c r="C9" s="10" t="s">
        <v>5</v>
      </c>
      <c r="D9" s="35"/>
      <c r="E9" s="36" t="s">
        <v>229</v>
      </c>
      <c r="F9" s="37"/>
      <c r="G9" s="37"/>
      <c r="H9" s="37"/>
      <c r="I9" s="37"/>
      <c r="J9" s="37"/>
      <c r="K9" s="37"/>
      <c r="L9" s="37"/>
      <c r="M9" s="38"/>
      <c r="N9" s="39" t="s">
        <v>228</v>
      </c>
      <c r="O9" s="11" t="s">
        <v>7</v>
      </c>
    </row>
    <row r="10" spans="2:15" s="42" customFormat="1" ht="15.75" customHeight="1">
      <c r="B10" s="67"/>
      <c r="C10" s="40">
        <v>98023</v>
      </c>
      <c r="D10" s="68"/>
      <c r="E10" s="69" t="s">
        <v>0</v>
      </c>
      <c r="F10" s="70"/>
      <c r="G10" s="70"/>
      <c r="H10" s="70"/>
      <c r="I10" s="71"/>
      <c r="J10" s="71"/>
      <c r="K10" s="71"/>
      <c r="L10" s="71"/>
      <c r="M10" s="72"/>
      <c r="N10" s="19"/>
      <c r="O10" s="20"/>
    </row>
    <row r="11" spans="2:15" s="42" customFormat="1" ht="15" customHeight="1">
      <c r="B11" s="67"/>
      <c r="C11" s="40">
        <v>658</v>
      </c>
      <c r="D11" s="68"/>
      <c r="E11" s="71"/>
      <c r="F11" s="71" t="s">
        <v>8</v>
      </c>
      <c r="G11" s="70"/>
      <c r="H11" s="70"/>
      <c r="I11" s="71"/>
      <c r="J11" s="71"/>
      <c r="K11" s="71"/>
      <c r="L11" s="71"/>
      <c r="M11" s="72"/>
      <c r="N11" s="19"/>
      <c r="O11" s="20"/>
    </row>
    <row r="12" spans="2:15" s="42" customFormat="1" ht="15" customHeight="1">
      <c r="B12" s="67"/>
      <c r="C12" s="40">
        <v>52759</v>
      </c>
      <c r="D12" s="68"/>
      <c r="E12" s="71"/>
      <c r="F12" s="71" t="s">
        <v>17</v>
      </c>
      <c r="G12" s="70"/>
      <c r="H12" s="71"/>
      <c r="I12" s="71"/>
      <c r="J12" s="71"/>
      <c r="K12" s="71"/>
      <c r="L12" s="71"/>
      <c r="M12" s="72"/>
      <c r="N12" s="19"/>
      <c r="O12" s="20"/>
    </row>
    <row r="13" spans="2:15" s="42" customFormat="1" ht="15" customHeight="1">
      <c r="B13" s="67"/>
      <c r="C13" s="40">
        <v>182222</v>
      </c>
      <c r="D13" s="68"/>
      <c r="E13" s="71"/>
      <c r="F13" s="71" t="s">
        <v>50</v>
      </c>
      <c r="G13" s="70"/>
      <c r="H13" s="71"/>
      <c r="I13" s="71"/>
      <c r="J13" s="71"/>
      <c r="K13" s="71"/>
      <c r="L13" s="71"/>
      <c r="M13" s="72"/>
      <c r="N13" s="19"/>
      <c r="O13" s="20"/>
    </row>
    <row r="14" spans="2:15" s="42" customFormat="1" ht="15" customHeight="1">
      <c r="B14" s="75"/>
      <c r="C14" s="40">
        <v>182231</v>
      </c>
      <c r="D14" s="73"/>
      <c r="E14" s="74"/>
      <c r="F14" s="74" t="s">
        <v>157</v>
      </c>
      <c r="G14" s="70"/>
      <c r="H14" s="70"/>
      <c r="I14" s="70"/>
      <c r="J14" s="74"/>
      <c r="K14" s="74"/>
      <c r="L14" s="74"/>
      <c r="M14" s="72"/>
      <c r="N14" s="19"/>
      <c r="O14" s="20"/>
    </row>
    <row r="15" spans="2:15" s="42" customFormat="1" ht="15.75" customHeight="1">
      <c r="B15" s="43"/>
      <c r="C15" s="44"/>
      <c r="D15" s="45"/>
      <c r="E15" s="46" t="s">
        <v>226</v>
      </c>
      <c r="F15" s="87"/>
      <c r="G15" s="87"/>
      <c r="H15" s="87"/>
      <c r="I15" s="87"/>
      <c r="J15" s="87"/>
      <c r="K15" s="87"/>
      <c r="L15" s="87"/>
      <c r="M15" s="88"/>
      <c r="N15" s="89"/>
      <c r="O15" s="90"/>
    </row>
    <row r="16" spans="2:15" s="42" customFormat="1" ht="15.75" customHeight="1">
      <c r="B16" s="43"/>
      <c r="C16" s="47"/>
      <c r="D16" s="48"/>
      <c r="E16" s="49" t="s">
        <v>227</v>
      </c>
      <c r="F16" s="91"/>
      <c r="G16" s="91"/>
      <c r="H16" s="91"/>
      <c r="I16" s="91"/>
      <c r="J16" s="91"/>
      <c r="K16" s="91"/>
      <c r="L16" s="91"/>
      <c r="M16" s="92"/>
      <c r="N16" s="93"/>
      <c r="O16" s="94"/>
    </row>
    <row r="17" spans="2:15" s="42" customFormat="1" ht="15.75" customHeight="1">
      <c r="B17" s="43"/>
      <c r="C17" s="50"/>
      <c r="D17" s="51"/>
      <c r="E17" s="52" t="s">
        <v>225</v>
      </c>
      <c r="F17" s="95"/>
      <c r="G17" s="95"/>
      <c r="H17" s="95"/>
      <c r="I17" s="95"/>
      <c r="J17" s="95"/>
      <c r="K17" s="95"/>
      <c r="L17" s="95"/>
      <c r="M17" s="96"/>
      <c r="N17" s="97"/>
      <c r="O17" s="98"/>
    </row>
    <row r="18" spans="2:15" s="42" customFormat="1" ht="15.75" customHeight="1">
      <c r="B18" s="43"/>
      <c r="C18" s="40"/>
      <c r="D18" s="83"/>
      <c r="E18" s="61"/>
      <c r="F18" s="61"/>
      <c r="G18" s="61"/>
      <c r="H18" s="61"/>
      <c r="I18" s="61"/>
      <c r="J18" s="61"/>
      <c r="K18" s="61"/>
      <c r="L18" s="61"/>
      <c r="M18" s="62"/>
      <c r="N18" s="19"/>
      <c r="O18" s="20"/>
    </row>
    <row r="19" spans="2:15" s="42" customFormat="1" ht="15" customHeight="1">
      <c r="B19" s="43"/>
      <c r="C19" s="40"/>
      <c r="D19" s="83"/>
      <c r="E19" s="61"/>
      <c r="F19" s="61"/>
      <c r="G19" s="61"/>
      <c r="H19" s="61"/>
      <c r="I19" s="61"/>
      <c r="J19" s="61"/>
      <c r="K19" s="61"/>
      <c r="L19" s="61"/>
      <c r="M19" s="62"/>
      <c r="N19" s="19"/>
      <c r="O19" s="20"/>
    </row>
    <row r="20" spans="2:15" s="42" customFormat="1" ht="15" customHeight="1">
      <c r="B20" s="43"/>
      <c r="C20" s="40"/>
      <c r="D20" s="83"/>
      <c r="E20" s="61"/>
      <c r="F20" s="61"/>
      <c r="G20" s="61"/>
      <c r="H20" s="61"/>
      <c r="I20" s="61"/>
      <c r="J20" s="61"/>
      <c r="K20" s="61"/>
      <c r="L20" s="61"/>
      <c r="M20" s="62"/>
      <c r="N20" s="19"/>
      <c r="O20" s="20"/>
    </row>
    <row r="21" spans="2:15" s="42" customFormat="1" ht="15" customHeight="1">
      <c r="B21" s="43"/>
      <c r="C21" s="40"/>
      <c r="D21" s="83"/>
      <c r="E21" s="61"/>
      <c r="F21" s="61"/>
      <c r="G21" s="61"/>
      <c r="H21" s="61"/>
      <c r="I21" s="61"/>
      <c r="J21" s="61"/>
      <c r="K21" s="61"/>
      <c r="L21" s="61"/>
      <c r="M21" s="62"/>
      <c r="N21" s="19"/>
      <c r="O21" s="20"/>
    </row>
    <row r="22" spans="2:15" s="42" customFormat="1" ht="15" customHeight="1">
      <c r="B22" s="43"/>
      <c r="C22" s="40"/>
      <c r="D22" s="83"/>
      <c r="E22" s="61"/>
      <c r="F22" s="61"/>
      <c r="G22" s="61"/>
      <c r="H22" s="61"/>
      <c r="I22" s="61"/>
      <c r="J22" s="61"/>
      <c r="K22" s="61"/>
      <c r="L22" s="61"/>
      <c r="M22" s="62"/>
      <c r="N22" s="19"/>
      <c r="O22" s="20"/>
    </row>
    <row r="23" spans="2:15" s="42" customFormat="1" ht="15" customHeight="1">
      <c r="B23" s="43"/>
      <c r="C23" s="40"/>
      <c r="D23" s="83"/>
      <c r="E23" s="61"/>
      <c r="F23" s="61"/>
      <c r="G23" s="61"/>
      <c r="H23" s="61"/>
      <c r="I23" s="61"/>
      <c r="J23" s="61"/>
      <c r="K23" s="61"/>
      <c r="L23" s="61"/>
      <c r="M23" s="62"/>
      <c r="N23" s="19"/>
      <c r="O23" s="20"/>
    </row>
    <row r="24" spans="2:15" s="42" customFormat="1" ht="15" customHeight="1">
      <c r="B24" s="43"/>
      <c r="C24" s="40"/>
      <c r="D24" s="83"/>
      <c r="E24" s="61"/>
      <c r="F24" s="61"/>
      <c r="G24" s="61"/>
      <c r="H24" s="61"/>
      <c r="I24" s="61"/>
      <c r="J24" s="61"/>
      <c r="K24" s="61"/>
      <c r="L24" s="61"/>
      <c r="M24" s="62"/>
      <c r="N24" s="19"/>
      <c r="O24" s="20"/>
    </row>
    <row r="25" spans="2:15" s="42" customFormat="1" ht="15" customHeight="1">
      <c r="B25" s="43"/>
      <c r="C25" s="40"/>
      <c r="D25" s="83"/>
      <c r="E25" s="61"/>
      <c r="F25" s="61"/>
      <c r="G25" s="61"/>
      <c r="H25" s="61"/>
      <c r="I25" s="61"/>
      <c r="J25" s="61"/>
      <c r="K25" s="61"/>
      <c r="L25" s="61"/>
      <c r="M25" s="62"/>
      <c r="N25" s="19"/>
      <c r="O25" s="20"/>
    </row>
    <row r="26" spans="2:15" s="42" customFormat="1" ht="15" customHeight="1">
      <c r="B26" s="53"/>
      <c r="C26" s="40"/>
      <c r="D26" s="83"/>
      <c r="E26" s="61"/>
      <c r="F26" s="61"/>
      <c r="G26" s="61"/>
      <c r="H26" s="61"/>
      <c r="I26" s="61"/>
      <c r="J26" s="61"/>
      <c r="K26" s="61"/>
      <c r="L26" s="61"/>
      <c r="M26" s="62"/>
      <c r="N26" s="19"/>
      <c r="O26" s="20"/>
    </row>
    <row r="27" spans="2:15" s="42" customFormat="1" ht="15" customHeight="1">
      <c r="B27" s="43"/>
      <c r="C27" s="40"/>
      <c r="D27" s="83"/>
      <c r="E27" s="61"/>
      <c r="F27" s="61"/>
      <c r="G27" s="61"/>
      <c r="H27" s="61"/>
      <c r="I27" s="61"/>
      <c r="J27" s="61"/>
      <c r="K27" s="61"/>
      <c r="L27" s="61"/>
      <c r="M27" s="62"/>
      <c r="N27" s="19"/>
      <c r="O27" s="20"/>
    </row>
    <row r="28" spans="2:15" s="42" customFormat="1" ht="15" customHeight="1">
      <c r="B28" s="43"/>
      <c r="C28" s="40"/>
      <c r="D28" s="83"/>
      <c r="E28" s="61"/>
      <c r="F28" s="61"/>
      <c r="G28" s="61"/>
      <c r="H28" s="61"/>
      <c r="I28" s="61"/>
      <c r="J28" s="61"/>
      <c r="K28" s="61"/>
      <c r="L28" s="61"/>
      <c r="M28" s="62"/>
      <c r="N28" s="19"/>
      <c r="O28" s="20"/>
    </row>
    <row r="29" spans="2:15" s="42" customFormat="1" ht="15.75" customHeight="1" thickBot="1">
      <c r="B29" s="54"/>
      <c r="C29" s="41"/>
      <c r="D29" s="84"/>
      <c r="E29" s="85"/>
      <c r="F29" s="85"/>
      <c r="G29" s="85"/>
      <c r="H29" s="85"/>
      <c r="I29" s="85"/>
      <c r="J29" s="85"/>
      <c r="K29" s="85"/>
      <c r="L29" s="85"/>
      <c r="M29" s="86"/>
      <c r="N29" s="55"/>
      <c r="O29" s="56"/>
    </row>
    <row r="30" spans="2:15">
      <c r="B30" s="16"/>
      <c r="D30" s="42"/>
      <c r="E30" s="42"/>
      <c r="F30" s="42"/>
      <c r="G30" s="42"/>
      <c r="H30" s="42"/>
      <c r="I30" s="42"/>
      <c r="J30" s="42"/>
      <c r="K30" s="42"/>
      <c r="L30" s="42"/>
      <c r="M30" s="42"/>
    </row>
    <row r="31" spans="2:15">
      <c r="B31" s="16"/>
      <c r="C31" s="82" t="s">
        <v>224</v>
      </c>
      <c r="D31" s="42"/>
      <c r="E31" s="42"/>
      <c r="F31" s="42"/>
      <c r="G31" s="42"/>
      <c r="H31" s="42"/>
      <c r="I31" s="42"/>
      <c r="J31" s="42"/>
      <c r="K31" s="42"/>
      <c r="L31" s="42"/>
      <c r="M31" s="42"/>
    </row>
    <row r="32" spans="2:15">
      <c r="B32" s="16"/>
      <c r="D32" s="42"/>
      <c r="E32" s="42"/>
      <c r="F32" s="42"/>
      <c r="G32" s="42"/>
      <c r="H32" s="42"/>
      <c r="I32" s="42"/>
      <c r="J32" s="42"/>
      <c r="K32" s="42"/>
      <c r="L32" s="42"/>
      <c r="M32" s="42"/>
    </row>
  </sheetData>
  <sheetProtection password="98D8" sheet="1" objects="1" scenarios="1" selectLockedCells="1"/>
  <mergeCells count="21">
    <mergeCell ref="D27:M27"/>
    <mergeCell ref="D28:M28"/>
    <mergeCell ref="D29:M29"/>
    <mergeCell ref="D21:M21"/>
    <mergeCell ref="D22:M22"/>
    <mergeCell ref="D23:M23"/>
    <mergeCell ref="D24:M24"/>
    <mergeCell ref="D25:M25"/>
    <mergeCell ref="D26:M26"/>
    <mergeCell ref="L3:O3"/>
    <mergeCell ref="L6:O6"/>
    <mergeCell ref="L7:O7"/>
    <mergeCell ref="D18:M18"/>
    <mergeCell ref="D19:M19"/>
    <mergeCell ref="D20:M20"/>
    <mergeCell ref="C6:E6"/>
    <mergeCell ref="C7:E7"/>
    <mergeCell ref="E9:M9"/>
    <mergeCell ref="E15:M15"/>
    <mergeCell ref="E16:M16"/>
    <mergeCell ref="E17:M17"/>
  </mergeCells>
  <pageMargins left="0.7" right="0.7" top="0.78740157499999996" bottom="0.78740157499999996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Arbeitsblätter</vt:lpstr>
      </vt:variant>
      <vt:variant>
        <vt:i4>2</vt:i4>
      </vt:variant>
    </vt:vector>
  </HeadingPairs>
  <TitlesOfParts>
    <vt:vector size="2" baseType="lpstr">
      <vt:lpstr>Einzel-Erkrankungen</vt:lpstr>
      <vt:lpstr>Klassifikation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ill Voigtländer</dc:creator>
  <cp:lastModifiedBy>till.voigtlaender</cp:lastModifiedBy>
  <dcterms:created xsi:type="dcterms:W3CDTF">2013-05-25T20:06:54Z</dcterms:created>
  <dcterms:modified xsi:type="dcterms:W3CDTF">2013-07-24T12:54:24Z</dcterms:modified>
</cp:coreProperties>
</file>